
<file path=[Content_Types].xml><?xml version="1.0" encoding="utf-8"?>
<Types xmlns="http://schemas.openxmlformats.org/package/2006/content-types">
  <Default Extension="gif" ContentType="image/gif"/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59" r:id="rId1"/>
  </p:sldMasterIdLst>
  <p:notesMasterIdLst>
    <p:notesMasterId r:id="rId29"/>
  </p:notesMasterIdLst>
  <p:sldIdLst>
    <p:sldId id="383" r:id="rId2"/>
    <p:sldId id="331" r:id="rId3"/>
    <p:sldId id="332" r:id="rId4"/>
    <p:sldId id="333" r:id="rId5"/>
    <p:sldId id="334" r:id="rId6"/>
    <p:sldId id="335" r:id="rId7"/>
    <p:sldId id="336" r:id="rId8"/>
    <p:sldId id="337" r:id="rId9"/>
    <p:sldId id="338" r:id="rId10"/>
    <p:sldId id="339" r:id="rId11"/>
    <p:sldId id="349" r:id="rId12"/>
    <p:sldId id="340" r:id="rId13"/>
    <p:sldId id="341" r:id="rId14"/>
    <p:sldId id="342" r:id="rId15"/>
    <p:sldId id="343" r:id="rId16"/>
    <p:sldId id="344" r:id="rId17"/>
    <p:sldId id="345" r:id="rId18"/>
    <p:sldId id="346" r:id="rId19"/>
    <p:sldId id="347" r:id="rId20"/>
    <p:sldId id="348" r:id="rId21"/>
    <p:sldId id="350" r:id="rId22"/>
    <p:sldId id="351" r:id="rId23"/>
    <p:sldId id="352" r:id="rId24"/>
    <p:sldId id="353" r:id="rId25"/>
    <p:sldId id="354" r:id="rId26"/>
    <p:sldId id="355" r:id="rId27"/>
    <p:sldId id="330" r:id="rId28"/>
  </p:sldIdLst>
  <p:sldSz cx="9144000" cy="5143500" type="screen16x9"/>
  <p:notesSz cx="6858000" cy="9144000"/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>
        <p15:guide id="1" orient="horz" pos="162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9999"/>
    <a:srgbClr val="92D050"/>
    <a:srgbClr val="FFFF00"/>
    <a:srgbClr val="FF9966"/>
    <a:srgbClr val="9933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B8FE2B96-2495-4B0D-81A2-C8046E1F6B49}" v="26" dt="2022-12-04T14:32:36.059"/>
  </p1510:revLst>
</p1510:revInfo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F5AB1C69-6EDB-4FF4-983F-18BD219EF322}" styleName="Medium Style 2 - Accent 3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3">
              <a:tint val="20000"/>
            </a:schemeClr>
          </a:solidFill>
        </a:fill>
      </a:tcStyle>
    </a:wholeTbl>
    <a:band1H>
      <a:tcStyle>
        <a:tcBdr/>
        <a:fill>
          <a:solidFill>
            <a:schemeClr val="accent3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3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3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3"/>
          </a:solidFill>
        </a:fill>
      </a:tcStyle>
    </a:firstRow>
  </a:tblStyle>
  <a:tblStyle styleId="{7DF18680-E054-41AD-8BC1-D1AEF772440D}" styleName="Medium Style 2 - Accent 5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5">
              <a:tint val="20000"/>
            </a:schemeClr>
          </a:solidFill>
        </a:fill>
      </a:tcStyle>
    </a:wholeTbl>
    <a:band1H>
      <a:tcStyle>
        <a:tcBdr/>
        <a:fill>
          <a:solidFill>
            <a:schemeClr val="accent5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5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5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5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78" d="100"/>
          <a:sy n="78" d="100"/>
        </p:scale>
        <p:origin x="940" y="52"/>
      </p:cViewPr>
      <p:guideLst>
        <p:guide orient="horz" pos="162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microsoft.com/office/2016/11/relationships/changesInfo" Target="changesInfos/changesInfo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presProps" Target="presProps.xml"/><Relationship Id="rId35" Type="http://schemas.microsoft.com/office/2015/10/relationships/revisionInfo" Target="revisionInfo.xml"/><Relationship Id="rId8" Type="http://schemas.openxmlformats.org/officeDocument/2006/relationships/slide" Target="slides/slide7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Damian T. Gordon" userId="7469c87ffe94b59c" providerId="LiveId" clId="{B8FE2B96-2495-4B0D-81A2-C8046E1F6B49}"/>
    <pc:docChg chg="undo custSel modSld">
      <pc:chgData name="Damian T. Gordon" userId="7469c87ffe94b59c" providerId="LiveId" clId="{B8FE2B96-2495-4B0D-81A2-C8046E1F6B49}" dt="2022-12-04T14:32:36.059" v="56"/>
      <pc:docMkLst>
        <pc:docMk/>
      </pc:docMkLst>
      <pc:sldChg chg="addSp delSp modSp mod">
        <pc:chgData name="Damian T. Gordon" userId="7469c87ffe94b59c" providerId="LiveId" clId="{B8FE2B96-2495-4B0D-81A2-C8046E1F6B49}" dt="2022-12-04T14:31:51.066" v="32"/>
        <pc:sldMkLst>
          <pc:docMk/>
          <pc:sldMk cId="3699096338" sldId="331"/>
        </pc:sldMkLst>
        <pc:picChg chg="add mod">
          <ac:chgData name="Damian T. Gordon" userId="7469c87ffe94b59c" providerId="LiveId" clId="{B8FE2B96-2495-4B0D-81A2-C8046E1F6B49}" dt="2022-12-04T14:31:51.066" v="32"/>
          <ac:picMkLst>
            <pc:docMk/>
            <pc:sldMk cId="3699096338" sldId="331"/>
            <ac:picMk id="2" creationId="{F53A7CF6-BD17-1332-BE57-EFFC067FB022}"/>
          </ac:picMkLst>
        </pc:picChg>
        <pc:picChg chg="del">
          <ac:chgData name="Damian T. Gordon" userId="7469c87ffe94b59c" providerId="LiveId" clId="{B8FE2B96-2495-4B0D-81A2-C8046E1F6B49}" dt="2022-12-04T14:30:43.813" v="4" actId="478"/>
          <ac:picMkLst>
            <pc:docMk/>
            <pc:sldMk cId="3699096338" sldId="331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1:53.300" v="33"/>
        <pc:sldMkLst>
          <pc:docMk/>
          <pc:sldMk cId="798834749" sldId="332"/>
        </pc:sldMkLst>
        <pc:picChg chg="add mod">
          <ac:chgData name="Damian T. Gordon" userId="7469c87ffe94b59c" providerId="LiveId" clId="{B8FE2B96-2495-4B0D-81A2-C8046E1F6B49}" dt="2022-12-04T14:31:53.300" v="33"/>
          <ac:picMkLst>
            <pc:docMk/>
            <pc:sldMk cId="798834749" sldId="332"/>
            <ac:picMk id="2" creationId="{8A43E415-AD69-3DA3-4B27-16798D24972A}"/>
          </ac:picMkLst>
        </pc:picChg>
        <pc:picChg chg="del">
          <ac:chgData name="Damian T. Gordon" userId="7469c87ffe94b59c" providerId="LiveId" clId="{B8FE2B96-2495-4B0D-81A2-C8046E1F6B49}" dt="2022-12-04T14:30:45.315" v="5" actId="478"/>
          <ac:picMkLst>
            <pc:docMk/>
            <pc:sldMk cId="798834749" sldId="332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1:54.978" v="34"/>
        <pc:sldMkLst>
          <pc:docMk/>
          <pc:sldMk cId="722641317" sldId="333"/>
        </pc:sldMkLst>
        <pc:picChg chg="add mod">
          <ac:chgData name="Damian T. Gordon" userId="7469c87ffe94b59c" providerId="LiveId" clId="{B8FE2B96-2495-4B0D-81A2-C8046E1F6B49}" dt="2022-12-04T14:31:54.978" v="34"/>
          <ac:picMkLst>
            <pc:docMk/>
            <pc:sldMk cId="722641317" sldId="333"/>
            <ac:picMk id="2" creationId="{108E421A-4209-9DA2-AF22-C96CDBF75D10}"/>
          </ac:picMkLst>
        </pc:picChg>
        <pc:picChg chg="del">
          <ac:chgData name="Damian T. Gordon" userId="7469c87ffe94b59c" providerId="LiveId" clId="{B8FE2B96-2495-4B0D-81A2-C8046E1F6B49}" dt="2022-12-04T14:30:46.753" v="6" actId="478"/>
          <ac:picMkLst>
            <pc:docMk/>
            <pc:sldMk cId="722641317" sldId="333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1:56.731" v="35"/>
        <pc:sldMkLst>
          <pc:docMk/>
          <pc:sldMk cId="3539491090" sldId="334"/>
        </pc:sldMkLst>
        <pc:picChg chg="add mod">
          <ac:chgData name="Damian T. Gordon" userId="7469c87ffe94b59c" providerId="LiveId" clId="{B8FE2B96-2495-4B0D-81A2-C8046E1F6B49}" dt="2022-12-04T14:31:56.731" v="35"/>
          <ac:picMkLst>
            <pc:docMk/>
            <pc:sldMk cId="3539491090" sldId="334"/>
            <ac:picMk id="2" creationId="{EC2CC214-7B09-0A2A-A467-D096794EDFBF}"/>
          </ac:picMkLst>
        </pc:picChg>
        <pc:picChg chg="del">
          <ac:chgData name="Damian T. Gordon" userId="7469c87ffe94b59c" providerId="LiveId" clId="{B8FE2B96-2495-4B0D-81A2-C8046E1F6B49}" dt="2022-12-04T14:30:48.140" v="7" actId="478"/>
          <ac:picMkLst>
            <pc:docMk/>
            <pc:sldMk cId="3539491090" sldId="334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1:58.126" v="36"/>
        <pc:sldMkLst>
          <pc:docMk/>
          <pc:sldMk cId="2184784566" sldId="335"/>
        </pc:sldMkLst>
        <pc:picChg chg="add mod">
          <ac:chgData name="Damian T. Gordon" userId="7469c87ffe94b59c" providerId="LiveId" clId="{B8FE2B96-2495-4B0D-81A2-C8046E1F6B49}" dt="2022-12-04T14:31:58.126" v="36"/>
          <ac:picMkLst>
            <pc:docMk/>
            <pc:sldMk cId="2184784566" sldId="335"/>
            <ac:picMk id="2" creationId="{D16CE3C6-53D3-FADD-14C9-94067D544381}"/>
          </ac:picMkLst>
        </pc:picChg>
        <pc:picChg chg="del">
          <ac:chgData name="Damian T. Gordon" userId="7469c87ffe94b59c" providerId="LiveId" clId="{B8FE2B96-2495-4B0D-81A2-C8046E1F6B49}" dt="2022-12-04T14:30:49.668" v="8" actId="478"/>
          <ac:picMkLst>
            <pc:docMk/>
            <pc:sldMk cId="2184784566" sldId="335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1:59.643" v="37"/>
        <pc:sldMkLst>
          <pc:docMk/>
          <pc:sldMk cId="1935320998" sldId="336"/>
        </pc:sldMkLst>
        <pc:picChg chg="add mod">
          <ac:chgData name="Damian T. Gordon" userId="7469c87ffe94b59c" providerId="LiveId" clId="{B8FE2B96-2495-4B0D-81A2-C8046E1F6B49}" dt="2022-12-04T14:31:59.643" v="37"/>
          <ac:picMkLst>
            <pc:docMk/>
            <pc:sldMk cId="1935320998" sldId="336"/>
            <ac:picMk id="2" creationId="{825FFA8C-0096-7F1E-7201-375072DA3516}"/>
          </ac:picMkLst>
        </pc:picChg>
        <pc:picChg chg="del">
          <ac:chgData name="Damian T. Gordon" userId="7469c87ffe94b59c" providerId="LiveId" clId="{B8FE2B96-2495-4B0D-81A2-C8046E1F6B49}" dt="2022-12-04T14:30:51.126" v="9" actId="478"/>
          <ac:picMkLst>
            <pc:docMk/>
            <pc:sldMk cId="1935320998" sldId="336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01.250" v="38"/>
        <pc:sldMkLst>
          <pc:docMk/>
          <pc:sldMk cId="1993688982" sldId="337"/>
        </pc:sldMkLst>
        <pc:picChg chg="add mod">
          <ac:chgData name="Damian T. Gordon" userId="7469c87ffe94b59c" providerId="LiveId" clId="{B8FE2B96-2495-4B0D-81A2-C8046E1F6B49}" dt="2022-12-04T14:32:01.250" v="38"/>
          <ac:picMkLst>
            <pc:docMk/>
            <pc:sldMk cId="1993688982" sldId="337"/>
            <ac:picMk id="2" creationId="{3C478263-7316-AB05-1887-BA125FA2590F}"/>
          </ac:picMkLst>
        </pc:picChg>
        <pc:picChg chg="del">
          <ac:chgData name="Damian T. Gordon" userId="7469c87ffe94b59c" providerId="LiveId" clId="{B8FE2B96-2495-4B0D-81A2-C8046E1F6B49}" dt="2022-12-04T14:30:52.321" v="10" actId="478"/>
          <ac:picMkLst>
            <pc:docMk/>
            <pc:sldMk cId="1993688982" sldId="337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02.713" v="39"/>
        <pc:sldMkLst>
          <pc:docMk/>
          <pc:sldMk cId="2526986805" sldId="338"/>
        </pc:sldMkLst>
        <pc:picChg chg="add mod">
          <ac:chgData name="Damian T. Gordon" userId="7469c87ffe94b59c" providerId="LiveId" clId="{B8FE2B96-2495-4B0D-81A2-C8046E1F6B49}" dt="2022-12-04T14:32:02.713" v="39"/>
          <ac:picMkLst>
            <pc:docMk/>
            <pc:sldMk cId="2526986805" sldId="338"/>
            <ac:picMk id="2" creationId="{59FA57F6-6A33-FBA2-81F4-208344E00D03}"/>
          </ac:picMkLst>
        </pc:picChg>
        <pc:picChg chg="del">
          <ac:chgData name="Damian T. Gordon" userId="7469c87ffe94b59c" providerId="LiveId" clId="{B8FE2B96-2495-4B0D-81A2-C8046E1F6B49}" dt="2022-12-04T14:30:53.602" v="11" actId="478"/>
          <ac:picMkLst>
            <pc:docMk/>
            <pc:sldMk cId="2526986805" sldId="338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04.299" v="40"/>
        <pc:sldMkLst>
          <pc:docMk/>
          <pc:sldMk cId="767894217" sldId="339"/>
        </pc:sldMkLst>
        <pc:picChg chg="add mod">
          <ac:chgData name="Damian T. Gordon" userId="7469c87ffe94b59c" providerId="LiveId" clId="{B8FE2B96-2495-4B0D-81A2-C8046E1F6B49}" dt="2022-12-04T14:32:04.299" v="40"/>
          <ac:picMkLst>
            <pc:docMk/>
            <pc:sldMk cId="767894217" sldId="339"/>
            <ac:picMk id="2" creationId="{A6CB9DA1-FC51-45CB-CEF0-C504C11E3CAA}"/>
          </ac:picMkLst>
        </pc:picChg>
        <pc:picChg chg="del">
          <ac:chgData name="Damian T. Gordon" userId="7469c87ffe94b59c" providerId="LiveId" clId="{B8FE2B96-2495-4B0D-81A2-C8046E1F6B49}" dt="2022-12-04T14:30:54.911" v="12" actId="478"/>
          <ac:picMkLst>
            <pc:docMk/>
            <pc:sldMk cId="767894217" sldId="339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07.289" v="42"/>
        <pc:sldMkLst>
          <pc:docMk/>
          <pc:sldMk cId="661475293" sldId="340"/>
        </pc:sldMkLst>
        <pc:picChg chg="add mod">
          <ac:chgData name="Damian T. Gordon" userId="7469c87ffe94b59c" providerId="LiveId" clId="{B8FE2B96-2495-4B0D-81A2-C8046E1F6B49}" dt="2022-12-04T14:32:07.289" v="42"/>
          <ac:picMkLst>
            <pc:docMk/>
            <pc:sldMk cId="661475293" sldId="340"/>
            <ac:picMk id="2" creationId="{823B07C8-A98D-E720-D746-853DAD607B7D}"/>
          </ac:picMkLst>
        </pc:picChg>
        <pc:picChg chg="del">
          <ac:chgData name="Damian T. Gordon" userId="7469c87ffe94b59c" providerId="LiveId" clId="{B8FE2B96-2495-4B0D-81A2-C8046E1F6B49}" dt="2022-12-04T14:30:57.472" v="14" actId="478"/>
          <ac:picMkLst>
            <pc:docMk/>
            <pc:sldMk cId="661475293" sldId="340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10.447" v="43"/>
        <pc:sldMkLst>
          <pc:docMk/>
          <pc:sldMk cId="3704965849" sldId="341"/>
        </pc:sldMkLst>
        <pc:picChg chg="add mod">
          <ac:chgData name="Damian T. Gordon" userId="7469c87ffe94b59c" providerId="LiveId" clId="{B8FE2B96-2495-4B0D-81A2-C8046E1F6B49}" dt="2022-12-04T14:32:10.447" v="43"/>
          <ac:picMkLst>
            <pc:docMk/>
            <pc:sldMk cId="3704965849" sldId="341"/>
            <ac:picMk id="2" creationId="{FB257F4B-B13A-0446-CADC-461F01FB0618}"/>
          </ac:picMkLst>
        </pc:picChg>
        <pc:picChg chg="del">
          <ac:chgData name="Damian T. Gordon" userId="7469c87ffe94b59c" providerId="LiveId" clId="{B8FE2B96-2495-4B0D-81A2-C8046E1F6B49}" dt="2022-12-04T14:30:58.854" v="15" actId="478"/>
          <ac:picMkLst>
            <pc:docMk/>
            <pc:sldMk cId="3704965849" sldId="341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11.943" v="44"/>
        <pc:sldMkLst>
          <pc:docMk/>
          <pc:sldMk cId="2366369695" sldId="342"/>
        </pc:sldMkLst>
        <pc:picChg chg="add mod">
          <ac:chgData name="Damian T. Gordon" userId="7469c87ffe94b59c" providerId="LiveId" clId="{B8FE2B96-2495-4B0D-81A2-C8046E1F6B49}" dt="2022-12-04T14:32:11.943" v="44"/>
          <ac:picMkLst>
            <pc:docMk/>
            <pc:sldMk cId="2366369695" sldId="342"/>
            <ac:picMk id="2" creationId="{47D64DB8-0B41-E75C-8CD2-06D5EF8AD8B1}"/>
          </ac:picMkLst>
        </pc:picChg>
        <pc:picChg chg="del">
          <ac:chgData name="Damian T. Gordon" userId="7469c87ffe94b59c" providerId="LiveId" clId="{B8FE2B96-2495-4B0D-81A2-C8046E1F6B49}" dt="2022-12-04T14:31:00.064" v="16" actId="478"/>
          <ac:picMkLst>
            <pc:docMk/>
            <pc:sldMk cId="2366369695" sldId="342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13.498" v="45"/>
        <pc:sldMkLst>
          <pc:docMk/>
          <pc:sldMk cId="1126622997" sldId="343"/>
        </pc:sldMkLst>
        <pc:picChg chg="add mod">
          <ac:chgData name="Damian T. Gordon" userId="7469c87ffe94b59c" providerId="LiveId" clId="{B8FE2B96-2495-4B0D-81A2-C8046E1F6B49}" dt="2022-12-04T14:32:13.498" v="45"/>
          <ac:picMkLst>
            <pc:docMk/>
            <pc:sldMk cId="1126622997" sldId="343"/>
            <ac:picMk id="2" creationId="{F85D06AC-346C-5D59-953A-2586B77A3565}"/>
          </ac:picMkLst>
        </pc:picChg>
        <pc:picChg chg="del">
          <ac:chgData name="Damian T. Gordon" userId="7469c87ffe94b59c" providerId="LiveId" clId="{B8FE2B96-2495-4B0D-81A2-C8046E1F6B49}" dt="2022-12-04T14:31:01.314" v="17" actId="478"/>
          <ac:picMkLst>
            <pc:docMk/>
            <pc:sldMk cId="1126622997" sldId="343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15.758" v="46"/>
        <pc:sldMkLst>
          <pc:docMk/>
          <pc:sldMk cId="2521738344" sldId="344"/>
        </pc:sldMkLst>
        <pc:picChg chg="add mod">
          <ac:chgData name="Damian T. Gordon" userId="7469c87ffe94b59c" providerId="LiveId" clId="{B8FE2B96-2495-4B0D-81A2-C8046E1F6B49}" dt="2022-12-04T14:32:15.758" v="46"/>
          <ac:picMkLst>
            <pc:docMk/>
            <pc:sldMk cId="2521738344" sldId="344"/>
            <ac:picMk id="2" creationId="{F3CA6B97-BADD-FB5E-DD5D-2AF448CE8584}"/>
          </ac:picMkLst>
        </pc:picChg>
        <pc:picChg chg="del">
          <ac:chgData name="Damian T. Gordon" userId="7469c87ffe94b59c" providerId="LiveId" clId="{B8FE2B96-2495-4B0D-81A2-C8046E1F6B49}" dt="2022-12-04T14:31:02.478" v="18" actId="478"/>
          <ac:picMkLst>
            <pc:docMk/>
            <pc:sldMk cId="2521738344" sldId="344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17.311" v="47"/>
        <pc:sldMkLst>
          <pc:docMk/>
          <pc:sldMk cId="1819974972" sldId="345"/>
        </pc:sldMkLst>
        <pc:picChg chg="add mod">
          <ac:chgData name="Damian T. Gordon" userId="7469c87ffe94b59c" providerId="LiveId" clId="{B8FE2B96-2495-4B0D-81A2-C8046E1F6B49}" dt="2022-12-04T14:32:17.311" v="47"/>
          <ac:picMkLst>
            <pc:docMk/>
            <pc:sldMk cId="1819974972" sldId="345"/>
            <ac:picMk id="2" creationId="{8109DE3E-848C-0B1F-68F7-7EABACD33550}"/>
          </ac:picMkLst>
        </pc:picChg>
        <pc:picChg chg="del">
          <ac:chgData name="Damian T. Gordon" userId="7469c87ffe94b59c" providerId="LiveId" clId="{B8FE2B96-2495-4B0D-81A2-C8046E1F6B49}" dt="2022-12-04T14:31:03.677" v="19" actId="478"/>
          <ac:picMkLst>
            <pc:docMk/>
            <pc:sldMk cId="1819974972" sldId="345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18.824" v="48"/>
        <pc:sldMkLst>
          <pc:docMk/>
          <pc:sldMk cId="1980765368" sldId="346"/>
        </pc:sldMkLst>
        <pc:picChg chg="add mod">
          <ac:chgData name="Damian T. Gordon" userId="7469c87ffe94b59c" providerId="LiveId" clId="{B8FE2B96-2495-4B0D-81A2-C8046E1F6B49}" dt="2022-12-04T14:32:18.824" v="48"/>
          <ac:picMkLst>
            <pc:docMk/>
            <pc:sldMk cId="1980765368" sldId="346"/>
            <ac:picMk id="2" creationId="{865724DE-3A3F-0007-06A5-55AC8DF6E3D1}"/>
          </ac:picMkLst>
        </pc:picChg>
        <pc:picChg chg="del">
          <ac:chgData name="Damian T. Gordon" userId="7469c87ffe94b59c" providerId="LiveId" clId="{B8FE2B96-2495-4B0D-81A2-C8046E1F6B49}" dt="2022-12-04T14:31:05.009" v="20" actId="478"/>
          <ac:picMkLst>
            <pc:docMk/>
            <pc:sldMk cId="1980765368" sldId="346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21.660" v="49"/>
        <pc:sldMkLst>
          <pc:docMk/>
          <pc:sldMk cId="2033404008" sldId="347"/>
        </pc:sldMkLst>
        <pc:picChg chg="add mod">
          <ac:chgData name="Damian T. Gordon" userId="7469c87ffe94b59c" providerId="LiveId" clId="{B8FE2B96-2495-4B0D-81A2-C8046E1F6B49}" dt="2022-12-04T14:32:21.660" v="49"/>
          <ac:picMkLst>
            <pc:docMk/>
            <pc:sldMk cId="2033404008" sldId="347"/>
            <ac:picMk id="2" creationId="{08969E12-1380-E18C-32EC-53F62460D22C}"/>
          </ac:picMkLst>
        </pc:picChg>
        <pc:picChg chg="del">
          <ac:chgData name="Damian T. Gordon" userId="7469c87ffe94b59c" providerId="LiveId" clId="{B8FE2B96-2495-4B0D-81A2-C8046E1F6B49}" dt="2022-12-04T14:31:06.644" v="21" actId="478"/>
          <ac:picMkLst>
            <pc:docMk/>
            <pc:sldMk cId="2033404008" sldId="347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24.789" v="50"/>
        <pc:sldMkLst>
          <pc:docMk/>
          <pc:sldMk cId="251309150" sldId="348"/>
        </pc:sldMkLst>
        <pc:picChg chg="add mod">
          <ac:chgData name="Damian T. Gordon" userId="7469c87ffe94b59c" providerId="LiveId" clId="{B8FE2B96-2495-4B0D-81A2-C8046E1F6B49}" dt="2022-12-04T14:32:24.789" v="50"/>
          <ac:picMkLst>
            <pc:docMk/>
            <pc:sldMk cId="251309150" sldId="348"/>
            <ac:picMk id="2" creationId="{A73371C2-3C70-C153-AD80-FFC886E54632}"/>
          </ac:picMkLst>
        </pc:picChg>
        <pc:picChg chg="del">
          <ac:chgData name="Damian T. Gordon" userId="7469c87ffe94b59c" providerId="LiveId" clId="{B8FE2B96-2495-4B0D-81A2-C8046E1F6B49}" dt="2022-12-04T14:31:08.024" v="22" actId="478"/>
          <ac:picMkLst>
            <pc:docMk/>
            <pc:sldMk cId="251309150" sldId="348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05.896" v="41"/>
        <pc:sldMkLst>
          <pc:docMk/>
          <pc:sldMk cId="3162409931" sldId="349"/>
        </pc:sldMkLst>
        <pc:picChg chg="add mod">
          <ac:chgData name="Damian T. Gordon" userId="7469c87ffe94b59c" providerId="LiveId" clId="{B8FE2B96-2495-4B0D-81A2-C8046E1F6B49}" dt="2022-12-04T14:32:05.896" v="41"/>
          <ac:picMkLst>
            <pc:docMk/>
            <pc:sldMk cId="3162409931" sldId="349"/>
            <ac:picMk id="2" creationId="{242A3194-997B-C340-88D5-CB1CBB4F0978}"/>
          </ac:picMkLst>
        </pc:picChg>
        <pc:picChg chg="del">
          <ac:chgData name="Damian T. Gordon" userId="7469c87ffe94b59c" providerId="LiveId" clId="{B8FE2B96-2495-4B0D-81A2-C8046E1F6B49}" dt="2022-12-04T14:30:56.124" v="13" actId="478"/>
          <ac:picMkLst>
            <pc:docMk/>
            <pc:sldMk cId="3162409931" sldId="349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27.390" v="51"/>
        <pc:sldMkLst>
          <pc:docMk/>
          <pc:sldMk cId="3402329354" sldId="350"/>
        </pc:sldMkLst>
        <pc:picChg chg="add mod">
          <ac:chgData name="Damian T. Gordon" userId="7469c87ffe94b59c" providerId="LiveId" clId="{B8FE2B96-2495-4B0D-81A2-C8046E1F6B49}" dt="2022-12-04T14:32:27.390" v="51"/>
          <ac:picMkLst>
            <pc:docMk/>
            <pc:sldMk cId="3402329354" sldId="350"/>
            <ac:picMk id="2" creationId="{D9CDCF89-882B-4670-8DBC-18A356954FD0}"/>
          </ac:picMkLst>
        </pc:picChg>
        <pc:picChg chg="del">
          <ac:chgData name="Damian T. Gordon" userId="7469c87ffe94b59c" providerId="LiveId" clId="{B8FE2B96-2495-4B0D-81A2-C8046E1F6B49}" dt="2022-12-04T14:31:09.407" v="23" actId="478"/>
          <ac:picMkLst>
            <pc:docMk/>
            <pc:sldMk cId="3402329354" sldId="350"/>
            <ac:picMk id="382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28.978" v="52"/>
        <pc:sldMkLst>
          <pc:docMk/>
          <pc:sldMk cId="3887794437" sldId="351"/>
        </pc:sldMkLst>
        <pc:picChg chg="add mod">
          <ac:chgData name="Damian T. Gordon" userId="7469c87ffe94b59c" providerId="LiveId" clId="{B8FE2B96-2495-4B0D-81A2-C8046E1F6B49}" dt="2022-12-04T14:32:28.978" v="52"/>
          <ac:picMkLst>
            <pc:docMk/>
            <pc:sldMk cId="3887794437" sldId="351"/>
            <ac:picMk id="2" creationId="{8BCB87F2-AB24-0F68-9791-54E454AE79B1}"/>
          </ac:picMkLst>
        </pc:picChg>
        <pc:picChg chg="del">
          <ac:chgData name="Damian T. Gordon" userId="7469c87ffe94b59c" providerId="LiveId" clId="{B8FE2B96-2495-4B0D-81A2-C8046E1F6B49}" dt="2022-12-04T14:31:10.745" v="24" actId="478"/>
          <ac:picMkLst>
            <pc:docMk/>
            <pc:sldMk cId="3887794437" sldId="351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30.516" v="53"/>
        <pc:sldMkLst>
          <pc:docMk/>
          <pc:sldMk cId="4180188696" sldId="352"/>
        </pc:sldMkLst>
        <pc:picChg chg="add mod">
          <ac:chgData name="Damian T. Gordon" userId="7469c87ffe94b59c" providerId="LiveId" clId="{B8FE2B96-2495-4B0D-81A2-C8046E1F6B49}" dt="2022-12-04T14:32:30.516" v="53"/>
          <ac:picMkLst>
            <pc:docMk/>
            <pc:sldMk cId="4180188696" sldId="352"/>
            <ac:picMk id="2" creationId="{4FF75B86-92E0-54C8-0F73-618F9C89C23F}"/>
          </ac:picMkLst>
        </pc:picChg>
        <pc:picChg chg="del">
          <ac:chgData name="Damian T. Gordon" userId="7469c87ffe94b59c" providerId="LiveId" clId="{B8FE2B96-2495-4B0D-81A2-C8046E1F6B49}" dt="2022-12-04T14:31:12.024" v="25" actId="478"/>
          <ac:picMkLst>
            <pc:docMk/>
            <pc:sldMk cId="4180188696" sldId="352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32.030" v="54"/>
        <pc:sldMkLst>
          <pc:docMk/>
          <pc:sldMk cId="958044369" sldId="353"/>
        </pc:sldMkLst>
        <pc:picChg chg="add mod">
          <ac:chgData name="Damian T. Gordon" userId="7469c87ffe94b59c" providerId="LiveId" clId="{B8FE2B96-2495-4B0D-81A2-C8046E1F6B49}" dt="2022-12-04T14:32:32.030" v="54"/>
          <ac:picMkLst>
            <pc:docMk/>
            <pc:sldMk cId="958044369" sldId="353"/>
            <ac:picMk id="2" creationId="{888ABCF3-154F-80AE-5620-A4114AC621BA}"/>
          </ac:picMkLst>
        </pc:picChg>
        <pc:picChg chg="del">
          <ac:chgData name="Damian T. Gordon" userId="7469c87ffe94b59c" providerId="LiveId" clId="{B8FE2B96-2495-4B0D-81A2-C8046E1F6B49}" dt="2022-12-04T14:31:13.998" v="26" actId="478"/>
          <ac:picMkLst>
            <pc:docMk/>
            <pc:sldMk cId="958044369" sldId="353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33.677" v="55"/>
        <pc:sldMkLst>
          <pc:docMk/>
          <pc:sldMk cId="4028417320" sldId="354"/>
        </pc:sldMkLst>
        <pc:picChg chg="add mod">
          <ac:chgData name="Damian T. Gordon" userId="7469c87ffe94b59c" providerId="LiveId" clId="{B8FE2B96-2495-4B0D-81A2-C8046E1F6B49}" dt="2022-12-04T14:32:33.677" v="55"/>
          <ac:picMkLst>
            <pc:docMk/>
            <pc:sldMk cId="4028417320" sldId="354"/>
            <ac:picMk id="2" creationId="{CE21C9E6-A5B9-4CA1-5F1F-A58CBACB94E6}"/>
          </ac:picMkLst>
        </pc:picChg>
        <pc:picChg chg="del">
          <ac:chgData name="Damian T. Gordon" userId="7469c87ffe94b59c" providerId="LiveId" clId="{B8FE2B96-2495-4B0D-81A2-C8046E1F6B49}" dt="2022-12-04T14:31:15.371" v="27" actId="478"/>
          <ac:picMkLst>
            <pc:docMk/>
            <pc:sldMk cId="4028417320" sldId="354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2:36.059" v="56"/>
        <pc:sldMkLst>
          <pc:docMk/>
          <pc:sldMk cId="3276394402" sldId="355"/>
        </pc:sldMkLst>
        <pc:picChg chg="add mod">
          <ac:chgData name="Damian T. Gordon" userId="7469c87ffe94b59c" providerId="LiveId" clId="{B8FE2B96-2495-4B0D-81A2-C8046E1F6B49}" dt="2022-12-04T14:32:36.059" v="56"/>
          <ac:picMkLst>
            <pc:docMk/>
            <pc:sldMk cId="3276394402" sldId="355"/>
            <ac:picMk id="2" creationId="{234E3D55-69D7-EB36-B365-32644E4C8298}"/>
          </ac:picMkLst>
        </pc:picChg>
        <pc:picChg chg="del">
          <ac:chgData name="Damian T. Gordon" userId="7469c87ffe94b59c" providerId="LiveId" clId="{B8FE2B96-2495-4B0D-81A2-C8046E1F6B49}" dt="2022-12-04T14:31:16.911" v="28" actId="478"/>
          <ac:picMkLst>
            <pc:docMk/>
            <pc:sldMk cId="3276394402" sldId="355"/>
            <ac:picMk id="130" creationId="{00000000-0000-0000-0000-000000000000}"/>
          </ac:picMkLst>
        </pc:picChg>
      </pc:sldChg>
      <pc:sldChg chg="addSp delSp modSp mod">
        <pc:chgData name="Damian T. Gordon" userId="7469c87ffe94b59c" providerId="LiveId" clId="{B8FE2B96-2495-4B0D-81A2-C8046E1F6B49}" dt="2022-12-04T14:31:49.252" v="31"/>
        <pc:sldMkLst>
          <pc:docMk/>
          <pc:sldMk cId="0" sldId="383"/>
        </pc:sldMkLst>
        <pc:spChg chg="mod">
          <ac:chgData name="Damian T. Gordon" userId="7469c87ffe94b59c" providerId="LiveId" clId="{B8FE2B96-2495-4B0D-81A2-C8046E1F6B49}" dt="2022-12-04T14:30:37.518" v="1" actId="1076"/>
          <ac:spMkLst>
            <pc:docMk/>
            <pc:sldMk cId="0" sldId="383"/>
            <ac:spMk id="378" creationId="{00000000-0000-0000-0000-000000000000}"/>
          </ac:spMkLst>
        </pc:spChg>
        <pc:spChg chg="mod">
          <ac:chgData name="Damian T. Gordon" userId="7469c87ffe94b59c" providerId="LiveId" clId="{B8FE2B96-2495-4B0D-81A2-C8046E1F6B49}" dt="2022-12-04T14:31:23.724" v="30" actId="1076"/>
          <ac:spMkLst>
            <pc:docMk/>
            <pc:sldMk cId="0" sldId="383"/>
            <ac:spMk id="381" creationId="{00000000-0000-0000-0000-000000000000}"/>
          </ac:spMkLst>
        </pc:spChg>
        <pc:picChg chg="add mod">
          <ac:chgData name="Damian T. Gordon" userId="7469c87ffe94b59c" providerId="LiveId" clId="{B8FE2B96-2495-4B0D-81A2-C8046E1F6B49}" dt="2022-12-04T14:31:49.252" v="31"/>
          <ac:picMkLst>
            <pc:docMk/>
            <pc:sldMk cId="0" sldId="383"/>
            <ac:picMk id="2" creationId="{16A28A8E-673B-D9D4-D39B-D4D8D0B68E18}"/>
          </ac:picMkLst>
        </pc:picChg>
        <pc:picChg chg="del mod">
          <ac:chgData name="Damian T. Gordon" userId="7469c87ffe94b59c" providerId="LiveId" clId="{B8FE2B96-2495-4B0D-81A2-C8046E1F6B49}" dt="2022-12-04T14:30:40.762" v="3" actId="478"/>
          <ac:picMkLst>
            <pc:docMk/>
            <pc:sldMk cId="0" sldId="383"/>
            <ac:picMk id="382" creationId="{00000000-0000-0000-0000-000000000000}"/>
          </ac:picMkLst>
        </pc:picChg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75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" name="Google Shape;4;n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29845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1pPr>
            <a:lvl2pPr marL="914400" lvl="1" indent="-29845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2pPr>
            <a:lvl3pPr marL="1371600" lvl="2" indent="-29845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3pPr>
            <a:lvl4pPr marL="1828800" lvl="3" indent="-29845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4pPr>
            <a:lvl5pPr marL="2286000" lvl="4" indent="-29845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5pPr>
            <a:lvl6pPr marL="2743200" lvl="5" indent="-29845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6pPr>
            <a:lvl7pPr marL="3200400" lvl="6" indent="-298450">
              <a:spcBef>
                <a:spcPts val="0"/>
              </a:spcBef>
              <a:spcAft>
                <a:spcPts val="0"/>
              </a:spcAft>
              <a:buSzPts val="1100"/>
              <a:buChar char="●"/>
              <a:defRPr sz="1100"/>
            </a:lvl7pPr>
            <a:lvl8pPr marL="3657600" lvl="7" indent="-298450">
              <a:spcBef>
                <a:spcPts val="0"/>
              </a:spcBef>
              <a:spcAft>
                <a:spcPts val="0"/>
              </a:spcAft>
              <a:buSzPts val="1100"/>
              <a:buChar char="○"/>
              <a:defRPr sz="1100"/>
            </a:lvl8pPr>
            <a:lvl9pPr marL="4114800" lvl="8" indent="-298450">
              <a:spcBef>
                <a:spcPts val="0"/>
              </a:spcBef>
              <a:spcAft>
                <a:spcPts val="0"/>
              </a:spcAft>
              <a:buSzPts val="1100"/>
              <a:buChar char="■"/>
              <a:defRPr sz="1100"/>
            </a:lvl9pPr>
          </a:lstStyle>
          <a:p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3" name="Google Shape;373;g607fdeb1c9_1_5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74" name="Google Shape;374;g607fdeb1c9_1_5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1939262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24152149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61737298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40674220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49223819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35355039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36028952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672991143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7249896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42892171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502403196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81459671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3" name="Google Shape;373;g607fdeb1c9_1_5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374" name="Google Shape;374;g607fdeb1c9_1_5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381692644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027660669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854667472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648337430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053357205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340711723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84953700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48823078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46839009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547362814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1559463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67118114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84592569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Google Shape;124;g6090176256_3_8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25" name="Google Shape;125;g6090176256_3_8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64114732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header" type="secHead">
  <p:cSld name="SECTION_HEADER">
    <p:spTree>
      <p:nvGrpSpPr>
        <p:cNvPr id="1" name="Shape 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Google Shape;14;p3"/>
          <p:cNvSpPr txBox="1">
            <a:spLocks noGrp="1"/>
          </p:cNvSpPr>
          <p:nvPr>
            <p:ph type="title"/>
          </p:nvPr>
        </p:nvSpPr>
        <p:spPr>
          <a:xfrm>
            <a:off x="311700" y="2150850"/>
            <a:ext cx="8520600" cy="841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1pPr>
            <a:lvl2pPr lvl="1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2pPr>
            <a:lvl3pPr lvl="2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3pPr>
            <a:lvl4pPr lvl="3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4pPr>
            <a:lvl5pPr lvl="4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5pPr>
            <a:lvl6pPr lvl="5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6pPr>
            <a:lvl7pPr lvl="6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7pPr>
            <a:lvl8pPr lvl="7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8pPr>
            <a:lvl9pPr lvl="8" algn="ctr">
              <a:spcBef>
                <a:spcPts val="0"/>
              </a:spcBef>
              <a:spcAft>
                <a:spcPts val="0"/>
              </a:spcAft>
              <a:buSzPts val="3600"/>
              <a:buNone/>
              <a:defRPr sz="3600"/>
            </a:lvl9pPr>
          </a:lstStyle>
          <a:p>
            <a:endParaRPr/>
          </a:p>
        </p:txBody>
      </p:sp>
      <p:sp>
        <p:nvSpPr>
          <p:cNvPr id="15" name="Google Shape;15;p3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it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body" type="tx">
  <p:cSld name="TITLE_AND_BODY">
    <p:spTree>
      <p:nvGrpSpPr>
        <p:cNvPr id="1" name="Shape 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Google Shape;17;p4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  <p:sp>
        <p:nvSpPr>
          <p:cNvPr id="18" name="Google Shape;18;p4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42900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marL="914400" lvl="1" indent="-317500">
              <a:spcBef>
                <a:spcPts val="1600"/>
              </a:spcBef>
              <a:spcAft>
                <a:spcPts val="0"/>
              </a:spcAft>
              <a:buSzPts val="1400"/>
              <a:buChar char="○"/>
              <a:defRPr/>
            </a:lvl2pPr>
            <a:lvl3pPr marL="1371600" lvl="2" indent="-317500">
              <a:spcBef>
                <a:spcPts val="1600"/>
              </a:spcBef>
              <a:spcAft>
                <a:spcPts val="0"/>
              </a:spcAft>
              <a:buSzPts val="1400"/>
              <a:buChar char="■"/>
              <a:defRPr/>
            </a:lvl3pPr>
            <a:lvl4pPr marL="1828800" lvl="3" indent="-317500">
              <a:spcBef>
                <a:spcPts val="1600"/>
              </a:spcBef>
              <a:spcAft>
                <a:spcPts val="0"/>
              </a:spcAft>
              <a:buSzPts val="1400"/>
              <a:buChar char="●"/>
              <a:defRPr/>
            </a:lvl4pPr>
            <a:lvl5pPr marL="2286000" lvl="4" indent="-317500">
              <a:spcBef>
                <a:spcPts val="1600"/>
              </a:spcBef>
              <a:spcAft>
                <a:spcPts val="0"/>
              </a:spcAft>
              <a:buSzPts val="1400"/>
              <a:buChar char="○"/>
              <a:defRPr/>
            </a:lvl5pPr>
            <a:lvl6pPr marL="2743200" lvl="5" indent="-317500">
              <a:spcBef>
                <a:spcPts val="1600"/>
              </a:spcBef>
              <a:spcAft>
                <a:spcPts val="0"/>
              </a:spcAft>
              <a:buSzPts val="1400"/>
              <a:buChar char="■"/>
              <a:defRPr/>
            </a:lvl6pPr>
            <a:lvl7pPr marL="3200400" lvl="6" indent="-317500">
              <a:spcBef>
                <a:spcPts val="1600"/>
              </a:spcBef>
              <a:spcAft>
                <a:spcPts val="0"/>
              </a:spcAft>
              <a:buSzPts val="1400"/>
              <a:buChar char="●"/>
              <a:defRPr/>
            </a:lvl7pPr>
            <a:lvl8pPr marL="3657600" lvl="7" indent="-317500">
              <a:spcBef>
                <a:spcPts val="1600"/>
              </a:spcBef>
              <a:spcAft>
                <a:spcPts val="0"/>
              </a:spcAft>
              <a:buSzPts val="1400"/>
              <a:buChar char="○"/>
              <a:defRPr/>
            </a:lvl8pPr>
            <a:lvl9pPr marL="4114800" lvl="8" indent="-317500">
              <a:spcBef>
                <a:spcPts val="1600"/>
              </a:spcBef>
              <a:spcAft>
                <a:spcPts val="1600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19" name="Google Shape;19;p4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it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_ONLY">
    <p:spTree>
      <p:nvGrpSpPr>
        <p:cNvPr id="1" name="Shape 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Google Shape;26;p6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  <p:sp>
        <p:nvSpPr>
          <p:cNvPr id="27" name="Google Shape;27;p6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it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One column text">
  <p:cSld name="ONE_COLUMN_TEXT">
    <p:spTree>
      <p:nvGrpSpPr>
        <p:cNvPr id="1" name="Shape 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Google Shape;29;p7"/>
          <p:cNvSpPr txBox="1">
            <a:spLocks noGrp="1"/>
          </p:cNvSpPr>
          <p:nvPr>
            <p:ph type="title"/>
          </p:nvPr>
        </p:nvSpPr>
        <p:spPr>
          <a:xfrm>
            <a:off x="311700" y="555600"/>
            <a:ext cx="2808000" cy="7557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1pPr>
            <a:lvl2pPr lvl="1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2pPr>
            <a:lvl3pPr lvl="2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3pPr>
            <a:lvl4pPr lvl="3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4pPr>
            <a:lvl5pPr lvl="4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5pPr>
            <a:lvl6pPr lvl="5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6pPr>
            <a:lvl7pPr lvl="6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7pPr>
            <a:lvl8pPr lvl="7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8pPr>
            <a:lvl9pPr lvl="8">
              <a:spcBef>
                <a:spcPts val="0"/>
              </a:spcBef>
              <a:spcAft>
                <a:spcPts val="0"/>
              </a:spcAft>
              <a:buSzPts val="2400"/>
              <a:buNone/>
              <a:defRPr sz="2400"/>
            </a:lvl9pPr>
          </a:lstStyle>
          <a:p>
            <a:endParaRPr/>
          </a:p>
        </p:txBody>
      </p:sp>
      <p:sp>
        <p:nvSpPr>
          <p:cNvPr id="30" name="Google Shape;30;p7"/>
          <p:cNvSpPr txBox="1">
            <a:spLocks noGrp="1"/>
          </p:cNvSpPr>
          <p:nvPr>
            <p:ph type="body" idx="1"/>
          </p:nvPr>
        </p:nvSpPr>
        <p:spPr>
          <a:xfrm>
            <a:off x="311700" y="1389600"/>
            <a:ext cx="2808000" cy="3179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1pPr>
            <a:lvl2pPr marL="914400" lvl="1" indent="-304800">
              <a:spcBef>
                <a:spcPts val="1600"/>
              </a:spcBef>
              <a:spcAft>
                <a:spcPts val="0"/>
              </a:spcAft>
              <a:buSzPts val="1200"/>
              <a:buChar char="○"/>
              <a:defRPr sz="1200"/>
            </a:lvl2pPr>
            <a:lvl3pPr marL="1371600" lvl="2" indent="-304800">
              <a:spcBef>
                <a:spcPts val="1600"/>
              </a:spcBef>
              <a:spcAft>
                <a:spcPts val="0"/>
              </a:spcAft>
              <a:buSzPts val="1200"/>
              <a:buChar char="■"/>
              <a:defRPr sz="1200"/>
            </a:lvl3pPr>
            <a:lvl4pPr marL="1828800" lvl="3" indent="-304800">
              <a:spcBef>
                <a:spcPts val="1600"/>
              </a:spcBef>
              <a:spcAft>
                <a:spcPts val="0"/>
              </a:spcAft>
              <a:buSzPts val="1200"/>
              <a:buChar char="●"/>
              <a:defRPr sz="1200"/>
            </a:lvl4pPr>
            <a:lvl5pPr marL="2286000" lvl="4" indent="-304800">
              <a:spcBef>
                <a:spcPts val="1600"/>
              </a:spcBef>
              <a:spcAft>
                <a:spcPts val="0"/>
              </a:spcAft>
              <a:buSzPts val="1200"/>
              <a:buChar char="○"/>
              <a:defRPr sz="1200"/>
            </a:lvl5pPr>
            <a:lvl6pPr marL="2743200" lvl="5" indent="-304800">
              <a:spcBef>
                <a:spcPts val="1600"/>
              </a:spcBef>
              <a:spcAft>
                <a:spcPts val="0"/>
              </a:spcAft>
              <a:buSzPts val="1200"/>
              <a:buChar char="■"/>
              <a:defRPr sz="1200"/>
            </a:lvl6pPr>
            <a:lvl7pPr marL="3200400" lvl="6" indent="-304800">
              <a:spcBef>
                <a:spcPts val="1600"/>
              </a:spcBef>
              <a:spcAft>
                <a:spcPts val="0"/>
              </a:spcAft>
              <a:buSzPts val="1200"/>
              <a:buChar char="●"/>
              <a:defRPr sz="1200"/>
            </a:lvl7pPr>
            <a:lvl8pPr marL="3657600" lvl="7" indent="-304800">
              <a:spcBef>
                <a:spcPts val="1600"/>
              </a:spcBef>
              <a:spcAft>
                <a:spcPts val="0"/>
              </a:spcAft>
              <a:buSzPts val="1200"/>
              <a:buChar char="○"/>
              <a:defRPr sz="1200"/>
            </a:lvl8pPr>
            <a:lvl9pPr marL="4114800" lvl="8" indent="-304800">
              <a:spcBef>
                <a:spcPts val="1600"/>
              </a:spcBef>
              <a:spcAft>
                <a:spcPts val="1600"/>
              </a:spcAft>
              <a:buSzPts val="1200"/>
              <a:buChar char="■"/>
              <a:defRPr sz="1200"/>
            </a:lvl9pPr>
          </a:lstStyle>
          <a:p>
            <a:endParaRPr/>
          </a:p>
        </p:txBody>
      </p:sp>
      <p:sp>
        <p:nvSpPr>
          <p:cNvPr id="31" name="Google Shape;31;p7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it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Main point">
  <p:cSld name="MAIN_POINT">
    <p:spTree>
      <p:nvGrpSpPr>
        <p:cNvPr id="1" name="Shape 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" name="Google Shape;33;p8"/>
          <p:cNvSpPr txBox="1">
            <a:spLocks noGrp="1"/>
          </p:cNvSpPr>
          <p:nvPr>
            <p:ph type="title"/>
          </p:nvPr>
        </p:nvSpPr>
        <p:spPr>
          <a:xfrm>
            <a:off x="490250" y="450150"/>
            <a:ext cx="6367800" cy="4090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1pPr>
            <a:lvl2pPr lvl="1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2pPr>
            <a:lvl3pPr lvl="2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3pPr>
            <a:lvl4pPr lvl="3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4pPr>
            <a:lvl5pPr lvl="4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5pPr>
            <a:lvl6pPr lvl="5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6pPr>
            <a:lvl7pPr lvl="6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7pPr>
            <a:lvl8pPr lvl="7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8pPr>
            <a:lvl9pPr lvl="8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9pPr>
          </a:lstStyle>
          <a:p>
            <a:endParaRPr/>
          </a:p>
        </p:txBody>
      </p:sp>
      <p:sp>
        <p:nvSpPr>
          <p:cNvPr id="34" name="Google Shape;34;p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it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Section title and description">
  <p:cSld name="SECTION_TITLE_AND_DESCRIPTION">
    <p:spTree>
      <p:nvGrpSpPr>
        <p:cNvPr id="1" name="Shape 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" name="Google Shape;36;p9"/>
          <p:cNvSpPr/>
          <p:nvPr/>
        </p:nvSpPr>
        <p:spPr>
          <a:xfrm>
            <a:off x="4572000" y="-125"/>
            <a:ext cx="4572000" cy="5143500"/>
          </a:xfrm>
          <a:prstGeom prst="rect">
            <a:avLst/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" name="Google Shape;37;p9"/>
          <p:cNvSpPr txBox="1">
            <a:spLocks noGrp="1"/>
          </p:cNvSpPr>
          <p:nvPr>
            <p:ph type="title"/>
          </p:nvPr>
        </p:nvSpPr>
        <p:spPr>
          <a:xfrm>
            <a:off x="265500" y="1233175"/>
            <a:ext cx="4045200" cy="14823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1pPr>
            <a:lvl2pPr lvl="1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2pPr>
            <a:lvl3pPr lvl="2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3pPr>
            <a:lvl4pPr lvl="3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4pPr>
            <a:lvl5pPr lvl="4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5pPr>
            <a:lvl6pPr lvl="5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6pPr>
            <a:lvl7pPr lvl="6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7pPr>
            <a:lvl8pPr lvl="7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8pPr>
            <a:lvl9pPr lvl="8" algn="ctr">
              <a:spcBef>
                <a:spcPts val="0"/>
              </a:spcBef>
              <a:spcAft>
                <a:spcPts val="0"/>
              </a:spcAft>
              <a:buSzPts val="4200"/>
              <a:buNone/>
              <a:defRPr sz="4200"/>
            </a:lvl9pPr>
          </a:lstStyle>
          <a:p>
            <a:endParaRPr/>
          </a:p>
        </p:txBody>
      </p:sp>
      <p:sp>
        <p:nvSpPr>
          <p:cNvPr id="38" name="Google Shape;38;p9"/>
          <p:cNvSpPr txBox="1">
            <a:spLocks noGrp="1"/>
          </p:cNvSpPr>
          <p:nvPr>
            <p:ph type="subTitle" idx="1"/>
          </p:nvPr>
        </p:nvSpPr>
        <p:spPr>
          <a:xfrm>
            <a:off x="265500" y="2803075"/>
            <a:ext cx="4045200" cy="12351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100"/>
              <a:buNone/>
              <a:defRPr sz="2100"/>
            </a:lvl9pPr>
          </a:lstStyle>
          <a:p>
            <a:endParaRPr/>
          </a:p>
        </p:txBody>
      </p:sp>
      <p:sp>
        <p:nvSpPr>
          <p:cNvPr id="39" name="Google Shape;39;p9"/>
          <p:cNvSpPr txBox="1">
            <a:spLocks noGrp="1"/>
          </p:cNvSpPr>
          <p:nvPr>
            <p:ph type="body" idx="2"/>
          </p:nvPr>
        </p:nvSpPr>
        <p:spPr>
          <a:xfrm>
            <a:off x="4939500" y="724075"/>
            <a:ext cx="3837000" cy="36951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marL="457200" lvl="0" indent="-342900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marL="914400" lvl="1" indent="-317500">
              <a:spcBef>
                <a:spcPts val="1600"/>
              </a:spcBef>
              <a:spcAft>
                <a:spcPts val="0"/>
              </a:spcAft>
              <a:buSzPts val="1400"/>
              <a:buChar char="○"/>
              <a:defRPr/>
            </a:lvl2pPr>
            <a:lvl3pPr marL="1371600" lvl="2" indent="-317500">
              <a:spcBef>
                <a:spcPts val="1600"/>
              </a:spcBef>
              <a:spcAft>
                <a:spcPts val="0"/>
              </a:spcAft>
              <a:buSzPts val="1400"/>
              <a:buChar char="■"/>
              <a:defRPr/>
            </a:lvl3pPr>
            <a:lvl4pPr marL="1828800" lvl="3" indent="-317500">
              <a:spcBef>
                <a:spcPts val="1600"/>
              </a:spcBef>
              <a:spcAft>
                <a:spcPts val="0"/>
              </a:spcAft>
              <a:buSzPts val="1400"/>
              <a:buChar char="●"/>
              <a:defRPr/>
            </a:lvl4pPr>
            <a:lvl5pPr marL="2286000" lvl="4" indent="-317500">
              <a:spcBef>
                <a:spcPts val="1600"/>
              </a:spcBef>
              <a:spcAft>
                <a:spcPts val="0"/>
              </a:spcAft>
              <a:buSzPts val="1400"/>
              <a:buChar char="○"/>
              <a:defRPr/>
            </a:lvl5pPr>
            <a:lvl6pPr marL="2743200" lvl="5" indent="-317500">
              <a:spcBef>
                <a:spcPts val="1600"/>
              </a:spcBef>
              <a:spcAft>
                <a:spcPts val="0"/>
              </a:spcAft>
              <a:buSzPts val="1400"/>
              <a:buChar char="■"/>
              <a:defRPr/>
            </a:lvl6pPr>
            <a:lvl7pPr marL="3200400" lvl="6" indent="-317500">
              <a:spcBef>
                <a:spcPts val="1600"/>
              </a:spcBef>
              <a:spcAft>
                <a:spcPts val="0"/>
              </a:spcAft>
              <a:buSzPts val="1400"/>
              <a:buChar char="●"/>
              <a:defRPr/>
            </a:lvl7pPr>
            <a:lvl8pPr marL="3657600" lvl="7" indent="-317500">
              <a:spcBef>
                <a:spcPts val="1600"/>
              </a:spcBef>
              <a:spcAft>
                <a:spcPts val="0"/>
              </a:spcAft>
              <a:buSzPts val="1400"/>
              <a:buChar char="○"/>
              <a:defRPr/>
            </a:lvl8pPr>
            <a:lvl9pPr marL="4114800" lvl="8" indent="-317500">
              <a:spcBef>
                <a:spcPts val="1600"/>
              </a:spcBef>
              <a:spcAft>
                <a:spcPts val="1600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40" name="Google Shape;40;p9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it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aption">
  <p:cSld name="CAPTION_ONLY">
    <p:spTree>
      <p:nvGrpSpPr>
        <p:cNvPr id="1" name="Shape 4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" name="Google Shape;42;p10"/>
          <p:cNvSpPr txBox="1">
            <a:spLocks noGrp="1"/>
          </p:cNvSpPr>
          <p:nvPr>
            <p:ph type="body" idx="1"/>
          </p:nvPr>
        </p:nvSpPr>
        <p:spPr>
          <a:xfrm>
            <a:off x="311700" y="4230575"/>
            <a:ext cx="5998800" cy="6051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marL="457200" lvl="0" indent="-2286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/>
            </a:lvl1pPr>
          </a:lstStyle>
          <a:p>
            <a:endParaRPr/>
          </a:p>
        </p:txBody>
      </p:sp>
      <p:sp>
        <p:nvSpPr>
          <p:cNvPr id="43" name="Google Shape;43;p10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it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number">
  <p:cSld name="BIG_NUMBER">
    <p:spTree>
      <p:nvGrpSpPr>
        <p:cNvPr id="1" name="Shape 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" name="Google Shape;45;p11"/>
          <p:cNvSpPr txBox="1">
            <a:spLocks noGrp="1"/>
          </p:cNvSpPr>
          <p:nvPr>
            <p:ph type="title" hasCustomPrompt="1"/>
          </p:nvPr>
        </p:nvSpPr>
        <p:spPr>
          <a:xfrm>
            <a:off x="311700" y="1106125"/>
            <a:ext cx="8520600" cy="19635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1pPr>
            <a:lvl2pPr lvl="1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2pPr>
            <a:lvl3pPr lvl="2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3pPr>
            <a:lvl4pPr lvl="3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4pPr>
            <a:lvl5pPr lvl="4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5pPr>
            <a:lvl6pPr lvl="5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6pPr>
            <a:lvl7pPr lvl="6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7pPr>
            <a:lvl8pPr lvl="7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8pPr>
            <a:lvl9pPr lvl="8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9pPr>
          </a:lstStyle>
          <a:p>
            <a:r>
              <a:t>xx%</a:t>
            </a:r>
          </a:p>
        </p:txBody>
      </p:sp>
      <p:sp>
        <p:nvSpPr>
          <p:cNvPr id="46" name="Google Shape;46;p11"/>
          <p:cNvSpPr txBox="1">
            <a:spLocks noGrp="1"/>
          </p:cNvSpPr>
          <p:nvPr>
            <p:ph type="body" idx="1"/>
          </p:nvPr>
        </p:nvSpPr>
        <p:spPr>
          <a:xfrm>
            <a:off x="311700" y="3152225"/>
            <a:ext cx="8520600" cy="1300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42900" algn="ctr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marL="914400" lvl="1" indent="-317500" algn="ctr">
              <a:spcBef>
                <a:spcPts val="1600"/>
              </a:spcBef>
              <a:spcAft>
                <a:spcPts val="0"/>
              </a:spcAft>
              <a:buSzPts val="1400"/>
              <a:buChar char="○"/>
              <a:defRPr/>
            </a:lvl2pPr>
            <a:lvl3pPr marL="1371600" lvl="2" indent="-317500" algn="ctr">
              <a:spcBef>
                <a:spcPts val="1600"/>
              </a:spcBef>
              <a:spcAft>
                <a:spcPts val="0"/>
              </a:spcAft>
              <a:buSzPts val="1400"/>
              <a:buChar char="■"/>
              <a:defRPr/>
            </a:lvl3pPr>
            <a:lvl4pPr marL="1828800" lvl="3" indent="-317500" algn="ctr">
              <a:spcBef>
                <a:spcPts val="1600"/>
              </a:spcBef>
              <a:spcAft>
                <a:spcPts val="0"/>
              </a:spcAft>
              <a:buSzPts val="1400"/>
              <a:buChar char="●"/>
              <a:defRPr/>
            </a:lvl4pPr>
            <a:lvl5pPr marL="2286000" lvl="4" indent="-317500" algn="ctr">
              <a:spcBef>
                <a:spcPts val="1600"/>
              </a:spcBef>
              <a:spcAft>
                <a:spcPts val="0"/>
              </a:spcAft>
              <a:buSzPts val="1400"/>
              <a:buChar char="○"/>
              <a:defRPr/>
            </a:lvl5pPr>
            <a:lvl6pPr marL="2743200" lvl="5" indent="-317500" algn="ctr">
              <a:spcBef>
                <a:spcPts val="1600"/>
              </a:spcBef>
              <a:spcAft>
                <a:spcPts val="0"/>
              </a:spcAft>
              <a:buSzPts val="1400"/>
              <a:buChar char="■"/>
              <a:defRPr/>
            </a:lvl6pPr>
            <a:lvl7pPr marL="3200400" lvl="6" indent="-317500" algn="ctr">
              <a:spcBef>
                <a:spcPts val="1600"/>
              </a:spcBef>
              <a:spcAft>
                <a:spcPts val="0"/>
              </a:spcAft>
              <a:buSzPts val="1400"/>
              <a:buChar char="●"/>
              <a:defRPr/>
            </a:lvl7pPr>
            <a:lvl8pPr marL="3657600" lvl="7" indent="-317500" algn="ctr">
              <a:spcBef>
                <a:spcPts val="1600"/>
              </a:spcBef>
              <a:spcAft>
                <a:spcPts val="0"/>
              </a:spcAft>
              <a:buSzPts val="1400"/>
              <a:buChar char="○"/>
              <a:defRPr/>
            </a:lvl8pPr>
            <a:lvl9pPr marL="4114800" lvl="8" indent="-317500" algn="ctr">
              <a:spcBef>
                <a:spcPts val="1600"/>
              </a:spcBef>
              <a:spcAft>
                <a:spcPts val="1600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47" name="Google Shape;47;p11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it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spTree>
      <p:nvGrpSpPr>
        <p:cNvPr id="1" name="Shape 4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" name="Google Shape;49;p12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it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10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 name="simple-light-2"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429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800"/>
              <a:buChar char="●"/>
              <a:defRPr sz="1800">
                <a:solidFill>
                  <a:schemeClr val="dk2"/>
                </a:solidFill>
              </a:defRPr>
            </a:lvl1pPr>
            <a:lvl2pPr marL="914400" lvl="1" indent="-31750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2pPr>
            <a:lvl3pPr marL="1371600" lvl="2" indent="-31750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3pPr>
            <a:lvl4pPr marL="1828800" lvl="3" indent="-31750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chemeClr val="dk2"/>
              </a:buClr>
              <a:buSzPts val="1400"/>
              <a:buChar char="●"/>
              <a:defRPr>
                <a:solidFill>
                  <a:schemeClr val="dk2"/>
                </a:solidFill>
              </a:defRPr>
            </a:lvl4pPr>
            <a:lvl5pPr marL="2286000" lvl="4" indent="-31750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5pPr>
            <a:lvl6pPr marL="2743200" lvl="5" indent="-31750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6pPr>
            <a:lvl7pPr marL="3200400" lvl="6" indent="-31750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chemeClr val="dk2"/>
              </a:buClr>
              <a:buSzPts val="1400"/>
              <a:buChar char="●"/>
              <a:defRPr>
                <a:solidFill>
                  <a:schemeClr val="dk2"/>
                </a:solidFill>
              </a:defRPr>
            </a:lvl7pPr>
            <a:lvl8pPr marL="3657600" lvl="7" indent="-317500">
              <a:lnSpc>
                <a:spcPct val="115000"/>
              </a:lnSpc>
              <a:spcBef>
                <a:spcPts val="160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8pPr>
            <a:lvl9pPr marL="4114800" lvl="8" indent="-317500">
              <a:lnSpc>
                <a:spcPct val="115000"/>
              </a:lnSpc>
              <a:spcBef>
                <a:spcPts val="1600"/>
              </a:spcBef>
              <a:spcAft>
                <a:spcPts val="160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9pPr>
          </a:lstStyle>
          <a:p>
            <a:endParaRPr/>
          </a:p>
        </p:txBody>
      </p:sp>
      <p:sp>
        <p:nvSpPr>
          <p:cNvPr id="8" name="Google Shape;8;p1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>
            <a:lvl1pPr lvl="0" algn="r">
              <a:buNone/>
              <a:defRPr sz="1000">
                <a:solidFill>
                  <a:schemeClr val="dk2"/>
                </a:solidFill>
              </a:defRPr>
            </a:lvl1pPr>
            <a:lvl2pPr lvl="1" algn="r">
              <a:buNone/>
              <a:defRPr sz="1000">
                <a:solidFill>
                  <a:schemeClr val="dk2"/>
                </a:solidFill>
              </a:defRPr>
            </a:lvl2pPr>
            <a:lvl3pPr lvl="2" algn="r">
              <a:buNone/>
              <a:defRPr sz="1000">
                <a:solidFill>
                  <a:schemeClr val="dk2"/>
                </a:solidFill>
              </a:defRPr>
            </a:lvl3pPr>
            <a:lvl4pPr lvl="3" algn="r">
              <a:buNone/>
              <a:defRPr sz="1000">
                <a:solidFill>
                  <a:schemeClr val="dk2"/>
                </a:solidFill>
              </a:defRPr>
            </a:lvl4pPr>
            <a:lvl5pPr lvl="4" algn="r">
              <a:buNone/>
              <a:defRPr sz="1000">
                <a:solidFill>
                  <a:schemeClr val="dk2"/>
                </a:solidFill>
              </a:defRPr>
            </a:lvl5pPr>
            <a:lvl6pPr lvl="5" algn="r">
              <a:buNone/>
              <a:defRPr sz="1000">
                <a:solidFill>
                  <a:schemeClr val="dk2"/>
                </a:solidFill>
              </a:defRPr>
            </a:lvl6pPr>
            <a:lvl7pPr lvl="6" algn="r">
              <a:buNone/>
              <a:defRPr sz="1000">
                <a:solidFill>
                  <a:schemeClr val="dk2"/>
                </a:solidFill>
              </a:defRPr>
            </a:lvl7pPr>
            <a:lvl8pPr lvl="7" algn="r">
              <a:buNone/>
              <a:defRPr sz="1000">
                <a:solidFill>
                  <a:schemeClr val="dk2"/>
                </a:solidFill>
              </a:defRPr>
            </a:lvl8pPr>
            <a:lvl9pPr lvl="8" algn="r">
              <a:buNone/>
              <a:defRPr sz="1000">
                <a:solidFill>
                  <a:schemeClr val="dk2"/>
                </a:solidFill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it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2" r:id="rId3"/>
    <p:sldLayoutId id="2147483653" r:id="rId4"/>
    <p:sldLayoutId id="2147483654" r:id="rId5"/>
    <p:sldLayoutId id="2147483655" r:id="rId6"/>
    <p:sldLayoutId id="2147483656" r:id="rId7"/>
    <p:sldLayoutId id="2147483657" r:id="rId8"/>
    <p:sldLayoutId id="2147483658" r:id="rId9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jpe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jpe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jp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jp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hyperlink" Target="http://www.instructionaldesign.org/storyboarding.html" TargetMode="Externa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hyperlink" Target="http://www.celtx.com/" TargetMode="External"/><Relationship Id="rId7" Type="http://schemas.openxmlformats.org/officeDocument/2006/relationships/image" Target="../media/image1.jpe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www.adobe.com/products/captivate.html" TargetMode="External"/><Relationship Id="rId5" Type="http://schemas.openxmlformats.org/officeDocument/2006/relationships/hyperlink" Target="http://www.articulate.com/products/storyline-overview.php" TargetMode="External"/><Relationship Id="rId4" Type="http://schemas.openxmlformats.org/officeDocument/2006/relationships/hyperlink" Target="http://lectora.com/" TargetMode="Externa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gif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jpe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jpe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gif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jpe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.jpeg"/><Relationship Id="rId4" Type="http://schemas.openxmlformats.org/officeDocument/2006/relationships/image" Target="../media/image3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.jpeg"/><Relationship Id="rId5" Type="http://schemas.openxmlformats.org/officeDocument/2006/relationships/image" Target="../media/image6.jpeg"/><Relationship Id="rId4" Type="http://schemas.openxmlformats.org/officeDocument/2006/relationships/image" Target="../media/image5.jpe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jpe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e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.jpeg"/><Relationship Id="rId4" Type="http://schemas.openxmlformats.org/officeDocument/2006/relationships/image" Target="../media/image9.jpe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pe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.jpe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6" name="Google Shape;376;p39"/>
          <p:cNvSpPr txBox="1">
            <a:spLocks noGrp="1"/>
          </p:cNvSpPr>
          <p:nvPr>
            <p:ph type="title"/>
          </p:nvPr>
        </p:nvSpPr>
        <p:spPr>
          <a:xfrm>
            <a:off x="311700" y="482300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it" b="1" dirty="0">
                <a:solidFill>
                  <a:srgbClr val="1A7D94"/>
                </a:solidFill>
                <a:latin typeface="Roboto"/>
                <a:ea typeface="Roboto"/>
                <a:cs typeface="Roboto"/>
                <a:sym typeface="Roboto"/>
              </a:rPr>
              <a:t>CPD in </a:t>
            </a:r>
            <a:r>
              <a:rPr lang="en-IE" b="1" dirty="0">
                <a:solidFill>
                  <a:srgbClr val="1A7D94"/>
                </a:solidFill>
                <a:latin typeface="Roboto"/>
                <a:ea typeface="Roboto"/>
                <a:cs typeface="Roboto"/>
                <a:sym typeface="Roboto"/>
              </a:rPr>
              <a:t>Applied Blended Learning Technologies</a:t>
            </a:r>
            <a:endParaRPr b="1" dirty="0">
              <a:solidFill>
                <a:srgbClr val="1A7D94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77" name="Google Shape;377;p39"/>
          <p:cNvSpPr txBox="1">
            <a:spLocks noGrp="1"/>
          </p:cNvSpPr>
          <p:nvPr>
            <p:ph type="body" idx="1"/>
          </p:nvPr>
        </p:nvSpPr>
        <p:spPr>
          <a:xfrm>
            <a:off x="2560900" y="1611938"/>
            <a:ext cx="5466600" cy="1861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>
              <a:buNone/>
            </a:pPr>
            <a:r>
              <a:rPr lang="it" sz="2400" b="1" dirty="0">
                <a:solidFill>
                  <a:srgbClr val="434343"/>
                </a:solidFill>
                <a:latin typeface="Roboto"/>
                <a:ea typeface="Roboto"/>
                <a:cs typeface="Roboto"/>
                <a:sym typeface="Roboto"/>
              </a:rPr>
              <a:t>Storyboards</a:t>
            </a:r>
          </a:p>
          <a:p>
            <a:pPr marL="0" lvl="0" indent="0">
              <a:buNone/>
            </a:pPr>
            <a:endParaRPr lang="it" sz="2800" b="1" dirty="0">
              <a:solidFill>
                <a:srgbClr val="434343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it" sz="2000" b="1" dirty="0">
                <a:solidFill>
                  <a:srgbClr val="434343"/>
                </a:solidFill>
                <a:latin typeface="Roboto"/>
                <a:ea typeface="Roboto"/>
                <a:cs typeface="Roboto"/>
                <a:sym typeface="Roboto"/>
              </a:rPr>
              <a:t>Damian Gordon</a:t>
            </a:r>
          </a:p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it" sz="2000" dirty="0">
                <a:solidFill>
                  <a:srgbClr val="434343"/>
                </a:solidFill>
                <a:latin typeface="Roboto"/>
                <a:ea typeface="Roboto"/>
                <a:cs typeface="Roboto"/>
                <a:sym typeface="Roboto"/>
              </a:rPr>
              <a:t>Lecturer in Computer Science</a:t>
            </a:r>
            <a:endParaRPr sz="2000" dirty="0">
              <a:solidFill>
                <a:srgbClr val="434343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78" name="Google Shape;378;p39"/>
          <p:cNvSpPr/>
          <p:nvPr/>
        </p:nvSpPr>
        <p:spPr>
          <a:xfrm>
            <a:off x="-7784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9" name="Google Shape;379;p39"/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it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  <a:endParaRPr sz="1800" b="1" dirty="0">
              <a:solidFill>
                <a:srgbClr val="FFFFFF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cxnSp>
        <p:nvCxnSpPr>
          <p:cNvPr id="380" name="Google Shape;380;p39"/>
          <p:cNvCxnSpPr/>
          <p:nvPr/>
        </p:nvCxnSpPr>
        <p:spPr>
          <a:xfrm rot="10800000" flipH="1">
            <a:off x="608750" y="1115225"/>
            <a:ext cx="7926300" cy="12300"/>
          </a:xfrm>
          <a:prstGeom prst="straightConnector1">
            <a:avLst/>
          </a:prstGeom>
          <a:noFill/>
          <a:ln w="76200" cap="flat" cmpd="sng">
            <a:solidFill>
              <a:srgbClr val="1A7D94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381" name="Google Shape;381;p3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16A28A8E-673B-D9D4-D39B-D4D8D0B68E1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" name="Google Shape;131;p19"/>
          <p:cNvSpPr txBox="1">
            <a:spLocks noGrp="1"/>
          </p:cNvSpPr>
          <p:nvPr>
            <p:ph type="body" idx="1"/>
          </p:nvPr>
        </p:nvSpPr>
        <p:spPr>
          <a:xfrm>
            <a:off x="311700" y="1093955"/>
            <a:ext cx="8520600" cy="3580357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r>
              <a:rPr lang="en-US" sz="2400" dirty="0"/>
              <a:t>There are three types of storyboards:</a:t>
            </a:r>
          </a:p>
          <a:p>
            <a:pPr lvl="1">
              <a:spcBef>
                <a:spcPts val="600"/>
              </a:spcBef>
            </a:pPr>
            <a:r>
              <a:rPr lang="en-US" sz="2400" dirty="0"/>
              <a:t>Passive</a:t>
            </a:r>
          </a:p>
          <a:p>
            <a:pPr lvl="1">
              <a:spcBef>
                <a:spcPts val="600"/>
              </a:spcBef>
            </a:pPr>
            <a:r>
              <a:rPr lang="en-US" sz="2400" dirty="0"/>
              <a:t>Active</a:t>
            </a:r>
          </a:p>
          <a:p>
            <a:pPr lvl="1">
              <a:spcBef>
                <a:spcPts val="600"/>
              </a:spcBef>
            </a:pPr>
            <a:r>
              <a:rPr lang="en-US" sz="2400" dirty="0"/>
              <a:t>Interactive</a:t>
            </a:r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A6CB9DA1-FC51-45CB-CEF0-C504C11E3CA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767894217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10" name="Picture 3">
            <a:extLst>
              <a:ext uri="{FF2B5EF4-FFF2-40B4-BE49-F238E27FC236}">
                <a16:creationId xmlns:a16="http://schemas.microsoft.com/office/drawing/2014/main" id="{62773D32-5EDE-4C75-BBD1-CD4DEA3759F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125736" y="1125767"/>
            <a:ext cx="4892328" cy="2868290"/>
          </a:xfrm>
          <a:prstGeom prst="rect">
            <a:avLst/>
          </a:prstGeom>
          <a:noFill/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242A3194-997B-C340-88D5-CB1CBB4F097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162409931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" name="Google Shape;131;p19"/>
          <p:cNvSpPr txBox="1">
            <a:spLocks noGrp="1"/>
          </p:cNvSpPr>
          <p:nvPr>
            <p:ph type="body" idx="1"/>
          </p:nvPr>
        </p:nvSpPr>
        <p:spPr>
          <a:xfrm>
            <a:off x="311700" y="1093955"/>
            <a:ext cx="8520600" cy="3580357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r>
              <a:rPr lang="en-US" sz="2400" dirty="0"/>
              <a:t>Passive storyboards:</a:t>
            </a:r>
          </a:p>
          <a:p>
            <a:pPr lvl="1"/>
            <a:r>
              <a:rPr lang="en-IE" sz="2400" dirty="0"/>
              <a:t>Sketches, pictures, screenshots</a:t>
            </a:r>
          </a:p>
          <a:p>
            <a:pPr lvl="1"/>
            <a:r>
              <a:rPr lang="en-IE" sz="2400" dirty="0"/>
              <a:t>PowerPoint or example outputs </a:t>
            </a:r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8" name="Picture 2" descr="http://www.webdesignermag.co.uk/wp-content/uploads/2009/09/main.jpg">
            <a:extLst>
              <a:ext uri="{FF2B5EF4-FFF2-40B4-BE49-F238E27FC236}">
                <a16:creationId xmlns:a16="http://schemas.microsoft.com/office/drawing/2014/main" id="{16058619-73B9-4493-B1AC-E07F397B3A3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070781" y="1072514"/>
            <a:ext cx="2736937" cy="2195023"/>
          </a:xfrm>
          <a:prstGeom prst="rect">
            <a:avLst/>
          </a:prstGeom>
          <a:noFill/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823B07C8-A98D-E720-D746-853DAD607B7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661475293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" name="Google Shape;131;p19"/>
          <p:cNvSpPr txBox="1">
            <a:spLocks noGrp="1"/>
          </p:cNvSpPr>
          <p:nvPr>
            <p:ph type="body" idx="1"/>
          </p:nvPr>
        </p:nvSpPr>
        <p:spPr>
          <a:xfrm>
            <a:off x="311700" y="1093955"/>
            <a:ext cx="8520600" cy="3580357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r>
              <a:rPr lang="en-US" sz="2400" dirty="0"/>
              <a:t>Active storyboards:</a:t>
            </a:r>
          </a:p>
          <a:p>
            <a:pPr lvl="1"/>
            <a:r>
              <a:rPr lang="en-US" sz="2400" dirty="0"/>
              <a:t>Slideshows, simple animations</a:t>
            </a:r>
          </a:p>
          <a:p>
            <a:pPr lvl="1"/>
            <a:r>
              <a:rPr lang="en-US" sz="2400" dirty="0"/>
              <a:t>“Demo mode” of typical </a:t>
            </a:r>
            <a:r>
              <a:rPr lang="en-US" sz="2400" dirty="0" err="1"/>
              <a:t>behaviour</a:t>
            </a:r>
            <a:r>
              <a:rPr lang="en-US" sz="2400" dirty="0"/>
              <a:t> of system</a:t>
            </a:r>
            <a:endParaRPr lang="en-IE" sz="2400" dirty="0"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FB257F4B-B13A-0446-CADC-461F01FB061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704965849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" name="Google Shape;131;p19"/>
          <p:cNvSpPr txBox="1">
            <a:spLocks noGrp="1"/>
          </p:cNvSpPr>
          <p:nvPr>
            <p:ph type="body" idx="1"/>
          </p:nvPr>
        </p:nvSpPr>
        <p:spPr>
          <a:xfrm>
            <a:off x="311700" y="1093955"/>
            <a:ext cx="8520600" cy="3580357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r>
              <a:rPr lang="en-US" sz="2400" dirty="0"/>
              <a:t>Interactive storyboards:</a:t>
            </a:r>
          </a:p>
          <a:p>
            <a:pPr lvl="1"/>
            <a:r>
              <a:rPr lang="en-US" sz="2400" dirty="0"/>
              <a:t>Interactive tools</a:t>
            </a:r>
          </a:p>
          <a:p>
            <a:pPr lvl="1"/>
            <a:r>
              <a:rPr lang="en-US" sz="2400" dirty="0"/>
              <a:t>Requires user participation</a:t>
            </a:r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47D64DB8-0B41-E75C-8CD2-06D5EF8AD8B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366369695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10" name="Picture 2" descr="http://www.mikesovay.com/msc/storyboard_temp.jpg">
            <a:extLst>
              <a:ext uri="{FF2B5EF4-FFF2-40B4-BE49-F238E27FC236}">
                <a16:creationId xmlns:a16="http://schemas.microsoft.com/office/drawing/2014/main" id="{EAD4A049-C43D-4017-924E-2F4C4A4D825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940118" y="876996"/>
            <a:ext cx="5263563" cy="3081029"/>
          </a:xfrm>
          <a:prstGeom prst="rect">
            <a:avLst/>
          </a:prstGeom>
          <a:noFill/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F85D06AC-346C-5D59-953A-2586B77A356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126622997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982401E1-3FB6-4490-A64C-912638BAB243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83381" y="1108855"/>
            <a:ext cx="6377237" cy="2705095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F3CA6B97-BADD-FB5E-DD5D-2AF448CE858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521738344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B80F0AA9-53B6-470A-8AE6-AE812E2B7A8B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013420" y="962750"/>
            <a:ext cx="5116960" cy="3217999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8109DE3E-848C-0B1F-68F7-7EABACD3355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819974972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EFD9C6AA-B93F-4309-BAD6-209A0B2AC3AD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069862" y="1017725"/>
            <a:ext cx="5004076" cy="3146893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865724DE-3A3F-0007-06A5-55AC8DF6E3D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980765368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F4E1AFFF-676E-40F8-B35B-A1E34388AABA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77918" y="999167"/>
            <a:ext cx="4387963" cy="3002821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08969E12-1380-E18C-32EC-53F62460D22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03340400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" name="Google Shape;131;p19"/>
          <p:cNvSpPr txBox="1">
            <a:spLocks noGrp="1"/>
          </p:cNvSpPr>
          <p:nvPr>
            <p:ph type="body" idx="1"/>
          </p:nvPr>
        </p:nvSpPr>
        <p:spPr>
          <a:xfrm>
            <a:off x="311700" y="1093955"/>
            <a:ext cx="8520600" cy="3580357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r>
              <a:rPr lang="en-US" sz="2400" dirty="0"/>
              <a:t>“</a:t>
            </a:r>
            <a:r>
              <a:rPr lang="en-US" sz="2400" i="1" dirty="0"/>
              <a:t>Storyboards are visual organizers, typically a series of illustrations displayed in sequence for the purpose of pre-visualizing a video, web-based training, or interactive media sequence</a:t>
            </a:r>
            <a:r>
              <a:rPr lang="en-US" sz="2400" dirty="0"/>
              <a:t>.”</a:t>
            </a:r>
          </a:p>
          <a:p>
            <a:endParaRPr lang="en-US" sz="2400" dirty="0">
              <a:hlinkClick r:id="rId3"/>
            </a:endParaRPr>
          </a:p>
          <a:p>
            <a:r>
              <a:rPr lang="en-US" sz="2400" dirty="0">
                <a:hlinkClick r:id="rId3"/>
              </a:rPr>
              <a:t>http://www.instructionaldesign.org/storyboarding</a:t>
            </a:r>
            <a:r>
              <a:rPr lang="en-US" sz="2400">
                <a:hlinkClick r:id="rId3"/>
              </a:rPr>
              <a:t>.html</a:t>
            </a:r>
            <a:endParaRPr lang="en-US" sz="2400" dirty="0"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F53A7CF6-BD17-1332-BE57-EFFC067FB02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699096338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" name="Google Shape;131;p19"/>
          <p:cNvSpPr txBox="1">
            <a:spLocks noGrp="1"/>
          </p:cNvSpPr>
          <p:nvPr>
            <p:ph type="body" idx="1"/>
          </p:nvPr>
        </p:nvSpPr>
        <p:spPr>
          <a:xfrm>
            <a:off x="311700" y="1093955"/>
            <a:ext cx="8520600" cy="3580357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r>
              <a:rPr lang="en-IE" sz="2000" dirty="0" err="1"/>
              <a:t>Celtx</a:t>
            </a:r>
            <a:r>
              <a:rPr lang="en-IE" sz="2000" dirty="0"/>
              <a:t>: </a:t>
            </a:r>
            <a:r>
              <a:rPr lang="en-IE" sz="2000" dirty="0">
                <a:hlinkClick r:id="rId3"/>
              </a:rPr>
              <a:t>http://www.celtx.com</a:t>
            </a:r>
            <a:endParaRPr lang="en-IE" sz="2000" dirty="0"/>
          </a:p>
          <a:p>
            <a:endParaRPr lang="en-IE" sz="2000" dirty="0"/>
          </a:p>
          <a:p>
            <a:r>
              <a:rPr lang="en-IE" sz="2000" dirty="0" err="1"/>
              <a:t>Lectora</a:t>
            </a:r>
            <a:r>
              <a:rPr lang="en-IE" sz="2000" dirty="0"/>
              <a:t> Snap: </a:t>
            </a:r>
            <a:r>
              <a:rPr lang="en-IE" sz="2000" dirty="0">
                <a:hlinkClick r:id="rId4"/>
              </a:rPr>
              <a:t>http://lectora.com/</a:t>
            </a:r>
            <a:endParaRPr lang="en-IE" sz="2000" dirty="0"/>
          </a:p>
          <a:p>
            <a:endParaRPr lang="en-IE" sz="2000" dirty="0"/>
          </a:p>
          <a:p>
            <a:r>
              <a:rPr lang="en-IE" sz="2000" dirty="0"/>
              <a:t>Articulate Storyline: </a:t>
            </a:r>
            <a:r>
              <a:rPr lang="en-IE" sz="2000" dirty="0">
                <a:hlinkClick r:id="rId5"/>
              </a:rPr>
              <a:t>http://www.articulate.com/products/storyline-overview.php</a:t>
            </a:r>
            <a:endParaRPr lang="en-IE" sz="2000" dirty="0"/>
          </a:p>
          <a:p>
            <a:endParaRPr lang="en-IE" sz="2000" dirty="0"/>
          </a:p>
          <a:p>
            <a:r>
              <a:rPr lang="en-IE" sz="2000" dirty="0"/>
              <a:t>Adobe Captivate: </a:t>
            </a:r>
            <a:r>
              <a:rPr lang="en-IE" sz="2000" dirty="0">
                <a:hlinkClick r:id="rId6"/>
              </a:rPr>
              <a:t>http://www.adobe.com/products/captivate.html</a:t>
            </a:r>
            <a:endParaRPr lang="en-IE" sz="2000" dirty="0"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A73371C2-3C70-C153-AD80-FFC886E5463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51309150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6" name="Google Shape;376;p39"/>
          <p:cNvSpPr txBox="1">
            <a:spLocks noGrp="1"/>
          </p:cNvSpPr>
          <p:nvPr>
            <p:ph type="title"/>
          </p:nvPr>
        </p:nvSpPr>
        <p:spPr>
          <a:xfrm>
            <a:off x="311700" y="482300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b="1" dirty="0">
                <a:solidFill>
                  <a:srgbClr val="1A7D94"/>
                </a:solidFill>
                <a:latin typeface="Roboto"/>
                <a:ea typeface="Roboto"/>
                <a:cs typeface="Roboto"/>
                <a:sym typeface="Roboto"/>
              </a:rPr>
              <a:t>Instructional Design and e-Authoring</a:t>
            </a:r>
            <a:endParaRPr b="1" dirty="0">
              <a:solidFill>
                <a:srgbClr val="1A7D94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77" name="Google Shape;377;p39"/>
          <p:cNvSpPr txBox="1">
            <a:spLocks noGrp="1"/>
          </p:cNvSpPr>
          <p:nvPr>
            <p:ph type="body" idx="1"/>
          </p:nvPr>
        </p:nvSpPr>
        <p:spPr>
          <a:xfrm>
            <a:off x="2560900" y="1611938"/>
            <a:ext cx="5466600" cy="1861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en-US" sz="2800" b="1" dirty="0">
                <a:solidFill>
                  <a:srgbClr val="434343"/>
                </a:solidFill>
                <a:latin typeface="Roboto"/>
                <a:ea typeface="Roboto"/>
                <a:cs typeface="Roboto"/>
                <a:sym typeface="Roboto"/>
              </a:rPr>
              <a:t>Related Ideas</a:t>
            </a:r>
            <a:endParaRPr lang="it" sz="2000" b="1" dirty="0">
              <a:solidFill>
                <a:srgbClr val="434343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78" name="Google Shape;378;p39"/>
          <p:cNvSpPr/>
          <p:nvPr/>
        </p:nvSpPr>
        <p:spPr>
          <a:xfrm>
            <a:off x="-7784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379" name="Google Shape;379;p39"/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cxnSp>
        <p:nvCxnSpPr>
          <p:cNvPr id="380" name="Google Shape;380;p39"/>
          <p:cNvCxnSpPr/>
          <p:nvPr/>
        </p:nvCxnSpPr>
        <p:spPr>
          <a:xfrm rot="10800000" flipH="1">
            <a:off x="608750" y="1115225"/>
            <a:ext cx="7926300" cy="12300"/>
          </a:xfrm>
          <a:prstGeom prst="straightConnector1">
            <a:avLst/>
          </a:prstGeom>
          <a:noFill/>
          <a:ln w="76200" cap="flat" cmpd="sng">
            <a:solidFill>
              <a:srgbClr val="1A7D94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381" name="Google Shape;381;p3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D9CDCF89-882B-4670-8DBC-18A356954FD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402329354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itemap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10" name="Picture 6" descr="http://www.its.qmul.ac.uk/websupport/share/images/storyboard.gif">
            <a:extLst>
              <a:ext uri="{FF2B5EF4-FFF2-40B4-BE49-F238E27FC236}">
                <a16:creationId xmlns:a16="http://schemas.microsoft.com/office/drawing/2014/main" id="{F3003514-89B4-4FA8-924D-B864CABF465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843215" y="1034162"/>
            <a:ext cx="5457370" cy="2980792"/>
          </a:xfrm>
          <a:prstGeom prst="rect">
            <a:avLst/>
          </a:prstGeom>
          <a:noFill/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8BCB87F2-AB24-0F68-9791-54E454AE79B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887794437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2" descr="http://www.cabrillo.edu/~dambrosini/189Web/images/StoryboardSample.jpg">
            <a:extLst>
              <a:ext uri="{FF2B5EF4-FFF2-40B4-BE49-F238E27FC236}">
                <a16:creationId xmlns:a16="http://schemas.microsoft.com/office/drawing/2014/main" id="{F79F54BD-BFC4-4690-A303-ABD52422E58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008421" y="1017725"/>
            <a:ext cx="5126958" cy="3685001"/>
          </a:xfrm>
          <a:prstGeom prst="rect">
            <a:avLst/>
          </a:prstGeom>
          <a:noFill/>
        </p:spPr>
      </p:pic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itemap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4FF75B86-92E0-54C8-0F73-618F9C89C23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180188696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Morphological Matrix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9" name="Picture 4" descr="http://www.girinarasoma.com/wp-content/uploads/2011/06/Morphological-Matrix.jpg">
            <a:extLst>
              <a:ext uri="{FF2B5EF4-FFF2-40B4-BE49-F238E27FC236}">
                <a16:creationId xmlns:a16="http://schemas.microsoft.com/office/drawing/2014/main" id="{FD258286-1CB3-4F90-97D4-C8CEA0BBB91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106160" y="947084"/>
            <a:ext cx="4931480" cy="3298991"/>
          </a:xfrm>
          <a:prstGeom prst="rect">
            <a:avLst/>
          </a:prstGeom>
          <a:noFill/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888ABCF3-154F-80AE-5620-A4114AC621B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958044369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Morphological Matrix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8" name="Picture 2" descr="http://cuba.coventry.ac.uk/maedesign/files/2011/07/vegetable-collection-system-morphological-matrix.gif">
            <a:extLst>
              <a:ext uri="{FF2B5EF4-FFF2-40B4-BE49-F238E27FC236}">
                <a16:creationId xmlns:a16="http://schemas.microsoft.com/office/drawing/2014/main" id="{E2E123E8-9FFA-4F6B-8F27-C14EB42B803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369536" y="992272"/>
            <a:ext cx="4404928" cy="3293834"/>
          </a:xfrm>
          <a:prstGeom prst="rect">
            <a:avLst/>
          </a:prstGeom>
          <a:noFill/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CE21C9E6-A5B9-4CA1-5F1F-A58CBACB94E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028417320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Morphological Matrix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9" name="Picture 3">
            <a:extLst>
              <a:ext uri="{FF2B5EF4-FFF2-40B4-BE49-F238E27FC236}">
                <a16:creationId xmlns:a16="http://schemas.microsoft.com/office/drawing/2014/main" id="{694420B2-8FBC-4EE0-9F6F-0E2432918C1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609348" y="993626"/>
            <a:ext cx="3783767" cy="325244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234E3D55-69D7-EB36-B365-32644E4C829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276394402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Picture 2" descr="Image result for that's all folks">
            <a:extLst>
              <a:ext uri="{FF2B5EF4-FFF2-40B4-BE49-F238E27FC236}">
                <a16:creationId xmlns:a16="http://schemas.microsoft.com/office/drawing/2014/main" id="{4E5EAFC0-31C7-478B-AE1B-47A2464B559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" y="1"/>
            <a:ext cx="9144000" cy="51435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65405575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: Star War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10" name="Picture 9" descr="movie_storyboards_star_wars_1.jpg">
            <a:extLst>
              <a:ext uri="{FF2B5EF4-FFF2-40B4-BE49-F238E27FC236}">
                <a16:creationId xmlns:a16="http://schemas.microsoft.com/office/drawing/2014/main" id="{B1B442EB-05E6-421A-BB13-BA202C54B68A}"/>
              </a:ext>
            </a:extLst>
          </p:cNvPr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457843" y="1125008"/>
            <a:ext cx="4114057" cy="2869808"/>
          </a:xfrm>
          <a:prstGeom prst="rect">
            <a:avLst/>
          </a:prstGeom>
        </p:spPr>
      </p:pic>
      <p:pic>
        <p:nvPicPr>
          <p:cNvPr id="12" name="Picture 11" descr="movie_storyboards_star_wars_3.jpg">
            <a:extLst>
              <a:ext uri="{FF2B5EF4-FFF2-40B4-BE49-F238E27FC236}">
                <a16:creationId xmlns:a16="http://schemas.microsoft.com/office/drawing/2014/main" id="{8406E063-D10F-47F1-A1AA-C3F03A9B9BC1}"/>
              </a:ext>
            </a:extLst>
          </p:cNvPr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4692300" y="1467195"/>
            <a:ext cx="4140000" cy="2490730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8A43E415-AD69-3DA3-4B27-16798D24972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798834749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: Gladiator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9" name="Picture 8" descr="movie_storyboards_gladiator.jpg">
            <a:extLst>
              <a:ext uri="{FF2B5EF4-FFF2-40B4-BE49-F238E27FC236}">
                <a16:creationId xmlns:a16="http://schemas.microsoft.com/office/drawing/2014/main" id="{10C325A9-F36E-43C7-9336-E001A74184A2}"/>
              </a:ext>
            </a:extLst>
          </p:cNvPr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383021" y="543798"/>
            <a:ext cx="1825455" cy="3280115"/>
          </a:xfrm>
          <a:prstGeom prst="rect">
            <a:avLst/>
          </a:prstGeom>
        </p:spPr>
      </p:pic>
      <p:pic>
        <p:nvPicPr>
          <p:cNvPr id="13" name="Picture 12" descr="movie_storyboards_gladiator2.jpg">
            <a:extLst>
              <a:ext uri="{FF2B5EF4-FFF2-40B4-BE49-F238E27FC236}">
                <a16:creationId xmlns:a16="http://schemas.microsoft.com/office/drawing/2014/main" id="{37173B72-79A1-4AC7-BB12-57F2219DCDCB}"/>
              </a:ext>
            </a:extLst>
          </p:cNvPr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6709144" y="445025"/>
            <a:ext cx="1880424" cy="3378888"/>
          </a:xfrm>
          <a:prstGeom prst="rect">
            <a:avLst/>
          </a:prstGeom>
        </p:spPr>
      </p:pic>
      <p:pic>
        <p:nvPicPr>
          <p:cNvPr id="1028" name="Picture 4" descr="Image">
            <a:extLst>
              <a:ext uri="{FF2B5EF4-FFF2-40B4-BE49-F238E27FC236}">
                <a16:creationId xmlns:a16="http://schemas.microsoft.com/office/drawing/2014/main" id="{46D4C9AB-7B7C-4EE7-825A-0639B428EBE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20575" y="1045984"/>
            <a:ext cx="4076869" cy="277792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108E421A-4209-9DA2-AF22-C96CDBF75D1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722641317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: Psycho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2050" name="Picture 2">
            <a:extLst>
              <a:ext uri="{FF2B5EF4-FFF2-40B4-BE49-F238E27FC236}">
                <a16:creationId xmlns:a16="http://schemas.microsoft.com/office/drawing/2014/main" id="{A0F78752-E426-4F58-AB5D-15228225BC4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02451" y="1128971"/>
            <a:ext cx="6738897" cy="28581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EC2CC214-7B09-0A2A-A467-D096794EDFB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53949109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: Apocalypse Now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9" name="Picture 8" descr="movie_storyboards_apocalypse_now_01.jpg">
            <a:extLst>
              <a:ext uri="{FF2B5EF4-FFF2-40B4-BE49-F238E27FC236}">
                <a16:creationId xmlns:a16="http://schemas.microsoft.com/office/drawing/2014/main" id="{6A797EC6-1138-462F-869B-5B5032DBB470}"/>
              </a:ext>
            </a:extLst>
          </p:cNvPr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4571900" y="1305875"/>
            <a:ext cx="3976420" cy="2240050"/>
          </a:xfrm>
          <a:prstGeom prst="rect">
            <a:avLst/>
          </a:prstGeom>
        </p:spPr>
      </p:pic>
      <p:pic>
        <p:nvPicPr>
          <p:cNvPr id="10" name="Picture 9" descr="movie_storyboards_apocalypse_now_02.jpg">
            <a:extLst>
              <a:ext uri="{FF2B5EF4-FFF2-40B4-BE49-F238E27FC236}">
                <a16:creationId xmlns:a16="http://schemas.microsoft.com/office/drawing/2014/main" id="{766DEFA5-D678-455F-BCF9-28AFDD0A4688}"/>
              </a:ext>
            </a:extLst>
          </p:cNvPr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434067" y="1305875"/>
            <a:ext cx="4137833" cy="2337876"/>
          </a:xfrm>
          <a:prstGeom prst="rect">
            <a:avLst/>
          </a:prstGeom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D16CE3C6-53D3-FADD-14C9-94067D54438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184784566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" name="Google Shape;131;p19"/>
          <p:cNvSpPr txBox="1">
            <a:spLocks noGrp="1"/>
          </p:cNvSpPr>
          <p:nvPr>
            <p:ph type="body" idx="1"/>
          </p:nvPr>
        </p:nvSpPr>
        <p:spPr>
          <a:xfrm>
            <a:off x="311700" y="1093955"/>
            <a:ext cx="8520600" cy="3580357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r>
              <a:rPr lang="en-IE" sz="2400" dirty="0"/>
              <a:t>Developed by Disney Studios in 1930s.</a:t>
            </a:r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8" name="Picture 2" descr="http://jimhillmedia.com/mb/images/upload/mickey-mouse-birthday-2-web.jpg">
            <a:extLst>
              <a:ext uri="{FF2B5EF4-FFF2-40B4-BE49-F238E27FC236}">
                <a16:creationId xmlns:a16="http://schemas.microsoft.com/office/drawing/2014/main" id="{7A8F3FE7-9420-4C4A-BC52-3552DBF9242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320029" y="1660602"/>
            <a:ext cx="3996247" cy="2286128"/>
          </a:xfrm>
          <a:prstGeom prst="rect">
            <a:avLst/>
          </a:prstGeom>
          <a:noFill/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825FFA8C-0096-7F1E-7201-375072DA351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935320998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" name="Google Shape;131;p19"/>
          <p:cNvSpPr txBox="1">
            <a:spLocks noGrp="1"/>
          </p:cNvSpPr>
          <p:nvPr>
            <p:ph type="body" idx="1"/>
          </p:nvPr>
        </p:nvSpPr>
        <p:spPr>
          <a:xfrm>
            <a:off x="311700" y="1093955"/>
            <a:ext cx="8520600" cy="3580357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r>
              <a:rPr lang="en-US" sz="2400" dirty="0"/>
              <a:t>The goal of storyboarding is to get ideas down on paper and communicate effectively to all members of the team (and potentially the end-users).</a:t>
            </a:r>
          </a:p>
          <a:p>
            <a:endParaRPr lang="en-US" sz="2400" dirty="0"/>
          </a:p>
          <a:p>
            <a:r>
              <a:rPr lang="en-US" sz="2400" dirty="0"/>
              <a:t>They provide a tangible baseline focus for discussion, and alteration.</a:t>
            </a:r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3C478263-7316-AB05-1887-BA125FA2590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993688982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7" name="Google Shape;127;p19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 algn="ctr"/>
            <a:r>
              <a:rPr lang="en-IE" dirty="0"/>
              <a:t>Storyboards</a:t>
            </a:r>
            <a:endParaRPr dirty="0"/>
          </a:p>
        </p:txBody>
      </p:sp>
      <p:sp>
        <p:nvSpPr>
          <p:cNvPr id="128" name="Google Shape;128;p19"/>
          <p:cNvSpPr/>
          <p:nvPr/>
        </p:nvSpPr>
        <p:spPr>
          <a:xfrm>
            <a:off x="-100" y="4102100"/>
            <a:ext cx="9144000" cy="1041300"/>
          </a:xfrm>
          <a:prstGeom prst="rect">
            <a:avLst/>
          </a:prstGeom>
          <a:solidFill>
            <a:srgbClr val="1A7D94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29" name="Google Shape;129;p19"/>
          <p:cNvSpPr/>
          <p:nvPr/>
        </p:nvSpPr>
        <p:spPr>
          <a:xfrm flipH="1">
            <a:off x="5734500" y="3545725"/>
            <a:ext cx="3409500" cy="1644000"/>
          </a:xfrm>
          <a:prstGeom prst="rtTriangle">
            <a:avLst/>
          </a:prstGeom>
          <a:solidFill>
            <a:srgbClr val="FFFFFF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31" name="Google Shape;131;p19"/>
          <p:cNvSpPr txBox="1">
            <a:spLocks noGrp="1"/>
          </p:cNvSpPr>
          <p:nvPr>
            <p:ph type="body" idx="1"/>
          </p:nvPr>
        </p:nvSpPr>
        <p:spPr>
          <a:xfrm>
            <a:off x="311700" y="1093955"/>
            <a:ext cx="8520600" cy="3580357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r>
              <a:rPr lang="en-US" sz="2400" dirty="0"/>
              <a:t>They are:</a:t>
            </a:r>
          </a:p>
          <a:p>
            <a:pPr lvl="1">
              <a:spcBef>
                <a:spcPts val="600"/>
              </a:spcBef>
            </a:pPr>
            <a:r>
              <a:rPr lang="en-US" sz="2400" dirty="0"/>
              <a:t>Inexpensive</a:t>
            </a:r>
          </a:p>
          <a:p>
            <a:pPr lvl="1">
              <a:spcBef>
                <a:spcPts val="600"/>
              </a:spcBef>
            </a:pPr>
            <a:r>
              <a:rPr lang="en-US" sz="2400" dirty="0"/>
              <a:t>Easy to make</a:t>
            </a:r>
          </a:p>
          <a:p>
            <a:pPr lvl="1">
              <a:spcBef>
                <a:spcPts val="600"/>
              </a:spcBef>
            </a:pPr>
            <a:r>
              <a:rPr lang="en-US" sz="2400" dirty="0"/>
              <a:t>Easy to understand for anyone</a:t>
            </a:r>
          </a:p>
          <a:p>
            <a:pPr lvl="1">
              <a:spcBef>
                <a:spcPts val="600"/>
              </a:spcBef>
            </a:pPr>
            <a:r>
              <a:rPr lang="en-US" sz="2400" dirty="0"/>
              <a:t>Good at giving you an early picture of the system</a:t>
            </a:r>
          </a:p>
        </p:txBody>
      </p:sp>
      <p:sp>
        <p:nvSpPr>
          <p:cNvPr id="11" name="Google Shape;379;p39">
            <a:extLst>
              <a:ext uri="{FF2B5EF4-FFF2-40B4-BE49-F238E27FC236}">
                <a16:creationId xmlns:a16="http://schemas.microsoft.com/office/drawing/2014/main" id="{DD92D3F3-6503-4583-8EB5-367EEEE1883C}"/>
              </a:ext>
            </a:extLst>
          </p:cNvPr>
          <p:cNvSpPr txBox="1"/>
          <p:nvPr/>
        </p:nvSpPr>
        <p:spPr>
          <a:xfrm>
            <a:off x="96548" y="4390250"/>
            <a:ext cx="6753900" cy="46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lvl="0"/>
            <a:r>
              <a:rPr lang="en-US" sz="1800" b="1" dirty="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To Design, Develop, and Evaluate Quality Blended Learning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59FA57F6-6A33-FBA2-81F4-208344E00D0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0204" y="4134756"/>
            <a:ext cx="797036" cy="9466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526986805"/>
      </p:ext>
    </p:extLst>
  </p:cSld>
  <p:clrMapOvr>
    <a:masterClrMapping/>
  </p:clrMapOvr>
</p:sld>
</file>

<file path=ppt/theme/theme1.xml><?xml version="1.0" encoding="utf-8"?>
<a:theme xmlns:a="http://schemas.openxmlformats.org/drawingml/2006/main" name="Simple Light">
  <a:themeElements>
    <a:clrScheme name="Simple Light">
      <a:dk1>
        <a:srgbClr val="000000"/>
      </a:dk1>
      <a:lt1>
        <a:srgbClr val="FFFFFF"/>
      </a:lt1>
      <a:dk2>
        <a:srgbClr val="595959"/>
      </a:dk2>
      <a:lt2>
        <a:srgbClr val="EEEEEE"/>
      </a:lt2>
      <a:accent1>
        <a:srgbClr val="FFAB40"/>
      </a:accent1>
      <a:accent2>
        <a:srgbClr val="212121"/>
      </a:accent2>
      <a:accent3>
        <a:srgbClr val="78909C"/>
      </a:accent3>
      <a:accent4>
        <a:srgbClr val="FFAB40"/>
      </a:accent4>
      <a:accent5>
        <a:srgbClr val="0097A7"/>
      </a:accent5>
      <a:accent6>
        <a:srgbClr val="EEFF41"/>
      </a:accent6>
      <a:hlink>
        <a:srgbClr val="0097A7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524</TotalTime>
  <Words>520</Words>
  <Application>Microsoft Office PowerPoint</Application>
  <PresentationFormat>On-screen Show (16:9)</PresentationFormat>
  <Paragraphs>89</Paragraphs>
  <Slides>27</Slides>
  <Notes>27</Notes>
  <HiddenSlides>0</HiddenSlides>
  <MMClips>0</MMClips>
  <ScaleCrop>false</ScaleCrop>
  <HeadingPairs>
    <vt:vector size="6" baseType="variant">
      <vt:variant>
        <vt:lpstr>Fonts Used</vt:lpstr>
      </vt:variant>
      <vt:variant>
        <vt:i4>2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7</vt:i4>
      </vt:variant>
    </vt:vector>
  </HeadingPairs>
  <TitlesOfParts>
    <vt:vector size="30" baseType="lpstr">
      <vt:lpstr>Arial</vt:lpstr>
      <vt:lpstr>Roboto</vt:lpstr>
      <vt:lpstr>Simple Light</vt:lpstr>
      <vt:lpstr>CPD in Applied Blended Learning Technologies</vt:lpstr>
      <vt:lpstr>Storyboards</vt:lpstr>
      <vt:lpstr>Storyboards: Star Wars</vt:lpstr>
      <vt:lpstr>Storyboards: Gladiator</vt:lpstr>
      <vt:lpstr>Storyboards: Psycho</vt:lpstr>
      <vt:lpstr>Storyboards: Apocalypse Now</vt:lpstr>
      <vt:lpstr>Storyboards</vt:lpstr>
      <vt:lpstr>Storyboards</vt:lpstr>
      <vt:lpstr>Storyboards</vt:lpstr>
      <vt:lpstr>Storyboards</vt:lpstr>
      <vt:lpstr>Storyboards</vt:lpstr>
      <vt:lpstr>Storyboards</vt:lpstr>
      <vt:lpstr>Storyboards</vt:lpstr>
      <vt:lpstr>Storyboards</vt:lpstr>
      <vt:lpstr>Storyboards</vt:lpstr>
      <vt:lpstr>Storyboards</vt:lpstr>
      <vt:lpstr>Storyboards</vt:lpstr>
      <vt:lpstr>Storyboards</vt:lpstr>
      <vt:lpstr>Storyboards</vt:lpstr>
      <vt:lpstr>Storyboards</vt:lpstr>
      <vt:lpstr>Instructional Design and e-Authoring</vt:lpstr>
      <vt:lpstr>Sitemap</vt:lpstr>
      <vt:lpstr>Sitemap</vt:lpstr>
      <vt:lpstr>Morphological Matrix</vt:lpstr>
      <vt:lpstr>Morphological Matrix</vt:lpstr>
      <vt:lpstr>Morphological Matrix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Quality Blended Learning</dc:title>
  <cp:lastModifiedBy>Damian T. Gordon</cp:lastModifiedBy>
  <cp:revision>71</cp:revision>
  <dcterms:modified xsi:type="dcterms:W3CDTF">2022-12-04T14:32:38Z</dcterms:modified>
</cp:coreProperties>
</file>